
<file path=[Content_Types].xml><?xml version="1.0" encoding="utf-8"?>
<Types xmlns="http://schemas.openxmlformats.org/package/2006/content-types">
  <Default Extension="png" ContentType="image/png"/>
  <Default Extension="bin" ContentType="image/png"/>
  <Default Extension="jpeg" ContentType="image/jpeg"/>
  <Default Extension="rels" ContentType="application/vnd.openxmlformats-package.relationships+xml"/>
  <Default Extension="xml" ContentType="application/xml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  <p:sldMasterId id="2147483767" r:id="rId5"/>
  </p:sldMasterIdLst>
  <p:notesMasterIdLst>
    <p:notesMasterId r:id="rId13"/>
  </p:notesMasterIdLst>
  <p:handoutMasterIdLst>
    <p:handoutMasterId r:id="rId14"/>
  </p:handoutMasterIdLst>
  <p:sldIdLst>
    <p:sldId id="289" r:id="rId6"/>
    <p:sldId id="340" r:id="rId7"/>
    <p:sldId id="345" r:id="rId8"/>
    <p:sldId id="341" r:id="rId9"/>
    <p:sldId id="344" r:id="rId10"/>
    <p:sldId id="346" r:id="rId11"/>
    <p:sldId id="348" r:id="rId12"/>
  </p:sldIdLst>
  <p:sldSz cx="12192000" cy="6858000"/>
  <p:notesSz cx="6735763" cy="986631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2F52B"/>
    <a:srgbClr val="FF33CC"/>
    <a:srgbClr val="28587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764" autoAdjust="0"/>
    <p:restoredTop sz="96215" autoAdjust="0"/>
  </p:normalViewPr>
  <p:slideViewPr>
    <p:cSldViewPr snapToGrid="0" showGuides="1">
      <p:cViewPr varScale="1">
        <p:scale>
          <a:sx n="127" d="100"/>
          <a:sy n="127" d="100"/>
        </p:scale>
        <p:origin x="60" y="24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5" Type="http://schemas.openxmlformats.org/officeDocument/2006/relationships/slideMaster" Target="slideMasters/slideMaster2.xml"/><Relationship Id="rId15" Type="http://schemas.openxmlformats.org/officeDocument/2006/relationships/presProps" Target="presProps.xml"/><Relationship Id="rId61" Type="http://schemas.microsoft.com/office/2015/10/relationships/revisionInfo" Target="revisionInfo.xml"/><Relationship Id="rId10" Type="http://schemas.openxmlformats.org/officeDocument/2006/relationships/slide" Target="slides/slide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9371286"/>
            <a:ext cx="2918831" cy="49502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15373" y="9371286"/>
            <a:ext cx="2918831" cy="49502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 dirty="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15373" y="0"/>
            <a:ext cx="2918831" cy="495029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4/08/2022</a:t>
            </a:fld>
            <a:endParaRPr lang="en-GB" dirty="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18831" cy="495029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73577" y="4748163"/>
            <a:ext cx="5388610" cy="3884861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15373" y="0"/>
            <a:ext cx="2918831" cy="495029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24/08/2022</a:t>
            </a:fld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15373" y="9371286"/>
            <a:ext cx="2918831" cy="49502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9371286"/>
            <a:ext cx="2918831" cy="49502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 dirty="0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409575" y="1233488"/>
            <a:ext cx="5916613" cy="33289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18831" cy="495029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11" Type="http://schemas.openxmlformats.org/officeDocument/2006/relationships/image" Target="../media/image12.png"/><Relationship Id="rId5" Type="http://schemas.openxmlformats.org/officeDocument/2006/relationships/image" Target="../media/image6.png"/><Relationship Id="rId10" Type="http://schemas.openxmlformats.org/officeDocument/2006/relationships/image" Target="../media/image11.png"/><Relationship Id="rId4" Type="http://schemas.openxmlformats.org/officeDocument/2006/relationships/image" Target="../media/image5.png"/><Relationship Id="rId9" Type="http://schemas.openxmlformats.org/officeDocument/2006/relationships/image" Target="../media/image10.png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7.png"/><Relationship Id="rId11" Type="http://schemas.openxmlformats.org/officeDocument/2006/relationships/image" Target="../media/image12.png"/><Relationship Id="rId5" Type="http://schemas.openxmlformats.org/officeDocument/2006/relationships/image" Target="../media/image6.png"/><Relationship Id="rId10" Type="http://schemas.openxmlformats.org/officeDocument/2006/relationships/image" Target="../media/image11.png"/><Relationship Id="rId4" Type="http://schemas.openxmlformats.org/officeDocument/2006/relationships/image" Target="../media/image5.png"/><Relationship Id="rId9" Type="http://schemas.openxmlformats.org/officeDocument/2006/relationships/image" Target="../media/image10.pn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, fire f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FDE40A5B-2484-4EA5-8B58-8058FD0355E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216000"/>
            <a:ext cx="3600000" cy="2700000"/>
          </a:xfrm>
          <a:solidFill>
            <a:srgbClr val="D2D2D1"/>
          </a:solidFill>
        </p:spPr>
        <p:txBody>
          <a:bodyPr lIns="72000" tIns="72000" rIns="72000"/>
          <a:lstStyle>
            <a:lvl1pPr marL="0" indent="0" algn="l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ECFA8EB6-60C7-464C-9AB2-871246C22A9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3708000" y="215900"/>
            <a:ext cx="3600000" cy="2700000"/>
          </a:xfrm>
          <a:solidFill>
            <a:srgbClr val="D2D2D1"/>
          </a:solidFill>
        </p:spPr>
        <p:txBody>
          <a:bodyPr lIns="72000" tIns="72000" rIns="72000"/>
          <a:lstStyle>
            <a:lvl1pPr marL="0" indent="0" algn="l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9">
            <a:extLst>
              <a:ext uri="{FF2B5EF4-FFF2-40B4-BE49-F238E27FC236}">
                <a16:creationId xmlns:a16="http://schemas.microsoft.com/office/drawing/2014/main" id="{C6BB9D91-D4DD-4A57-A645-9476A89F8A22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3024000"/>
            <a:ext cx="7308000" cy="3618000"/>
          </a:xfrm>
          <a:solidFill>
            <a:srgbClr val="D2D2D1"/>
          </a:solidFill>
        </p:spPr>
        <p:txBody>
          <a:bodyPr lIns="72000" tIns="72000" rIns="3672000"/>
          <a:lstStyle>
            <a:lvl1pPr marL="0" indent="0" algn="l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9">
            <a:extLst>
              <a:ext uri="{FF2B5EF4-FFF2-40B4-BE49-F238E27FC236}">
                <a16:creationId xmlns:a16="http://schemas.microsoft.com/office/drawing/2014/main" id="{E270AFB2-B263-4F6A-9E9B-8C91DB6C854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19600" y="216000"/>
            <a:ext cx="4554000" cy="6426000"/>
          </a:xfrm>
          <a:solidFill>
            <a:srgbClr val="D2D2D1"/>
          </a:solidFill>
        </p:spPr>
        <p:txBody>
          <a:bodyPr lIns="72000" tIns="72000" rIns="2376000" bIns="0"/>
          <a:lstStyle>
            <a:lvl1pPr marL="0" marR="0" indent="0" algn="l" defTabSz="914400" rtl="0" eaLnBrk="1" fontAlgn="auto" latinLnBrk="0" hangingPunct="1">
              <a:lnSpc>
                <a:spcPct val="91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76274" y="4296270"/>
            <a:ext cx="5896651" cy="1744148"/>
          </a:xfrm>
          <a:solidFill>
            <a:schemeClr val="bg1"/>
          </a:solidFill>
        </p:spPr>
        <p:txBody>
          <a:bodyPr wrap="square" lIns="252000" tIns="180000" rIns="504000" bIns="450000" anchor="b">
            <a:spAutoFit/>
          </a:bodyPr>
          <a:lstStyle>
            <a:lvl1pPr algn="l">
              <a:lnSpc>
                <a:spcPct val="90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/>
              <a:t>Indsæt overskrift</a:t>
            </a:r>
            <a:endParaRPr lang="da-DK" dirty="0"/>
          </a:p>
        </p:txBody>
      </p:sp>
      <p:sp>
        <p:nvSpPr>
          <p:cNvPr id="3" name="Date_DateCustomB"/>
          <p:cNvSpPr>
            <a:spLocks noGrp="1"/>
          </p:cNvSpPr>
          <p:nvPr>
            <p:ph type="subTitle" idx="1" hasCustomPrompt="1"/>
          </p:nvPr>
        </p:nvSpPr>
        <p:spPr>
          <a:xfrm>
            <a:off x="6076275" y="5639100"/>
            <a:ext cx="1648000" cy="178564"/>
          </a:xfrm>
        </p:spPr>
        <p:txBody>
          <a:bodyPr lIns="252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2pPr>
            <a:lvl3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3pPr>
            <a:lvl4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4pPr>
            <a:lvl5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5pPr>
            <a:lvl6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6pPr>
            <a:lvl7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7pPr>
            <a:lvl8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8pPr>
            <a:lvl9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9pPr>
          </a:lstStyle>
          <a:p>
            <a:r>
              <a:t>18 marts 2018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18-03-2018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946C274-2DE3-4F70-947D-5ACD040E202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724275" y="5639101"/>
            <a:ext cx="4248650" cy="4013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300"/>
            </a:lvl1pPr>
            <a:lvl2pPr marL="0" indent="0">
              <a:lnSpc>
                <a:spcPct val="100000"/>
              </a:lnSpc>
              <a:buNone/>
              <a:defRPr sz="1300"/>
            </a:lvl2pPr>
            <a:lvl3pPr marL="0" indent="0">
              <a:lnSpc>
                <a:spcPct val="100000"/>
              </a:lnSpc>
              <a:buNone/>
              <a:defRPr sz="1300"/>
            </a:lvl3pPr>
            <a:lvl4pPr marL="0" indent="0">
              <a:lnSpc>
                <a:spcPct val="100000"/>
              </a:lnSpc>
              <a:buNone/>
              <a:defRPr sz="1300"/>
            </a:lvl4pPr>
            <a:lvl5pPr marL="0" indent="0">
              <a:lnSpc>
                <a:spcPct val="100000"/>
              </a:lnSpc>
              <a:buNone/>
              <a:defRPr sz="1300"/>
            </a:lvl5pPr>
          </a:lstStyle>
          <a:p>
            <a:pPr lvl="0"/>
            <a:r>
              <a:rPr lang="da-DK"/>
              <a:t>Navn</a:t>
            </a:r>
            <a:endParaRPr lang="da-DK" dirty="0"/>
          </a:p>
        </p:txBody>
      </p:sp>
      <p:pic>
        <p:nvPicPr>
          <p:cNvPr id="3099812" name="Logo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82000" y="432000"/>
            <a:ext cx="1872000" cy="943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36" userDrawn="1">
          <p15:clr>
            <a:srgbClr val="000000"/>
          </p15:clr>
        </p15:guide>
        <p15:guide id="2" pos="7542" userDrawn="1">
          <p15:clr>
            <a:srgbClr val="000000"/>
          </p15:clr>
        </p15:guide>
        <p15:guide id="3" orient="horz" pos="4183" userDrawn="1">
          <p15:clr>
            <a:srgbClr val="00000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1C2C8A-42F4-4938-8FA8-FC7F4CCD454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EED141-840B-481C-8137-24D55D0DA4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5F7CCE3-1AC8-4D5E-A746-0B13AC0153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85A89E-2BC8-451D-8D63-7625A884E3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16C990-FCEC-43DA-8F12-6B4974E1DC3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1152000"/>
            <a:ext cx="3348000" cy="3060000"/>
          </a:xfrm>
          <a:solidFill>
            <a:srgbClr val="D2D2D1"/>
          </a:solidFill>
        </p:spPr>
        <p:txBody>
          <a:bodyPr lIns="720000" tIns="72000" rIns="108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E39398D9-1006-4B43-BE69-8746DDE1CF1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456000" y="1152000"/>
            <a:ext cx="3348000" cy="3060000"/>
          </a:xfrm>
          <a:solidFill>
            <a:srgbClr val="D2D2D1"/>
          </a:solidFill>
        </p:spPr>
        <p:txBody>
          <a:bodyPr lIns="72000" tIns="72000" rIns="720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2C053F1C-8F00-4EAF-A092-0ADBD4B1D2B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912000" y="1152000"/>
            <a:ext cx="5280000" cy="3060000"/>
          </a:xfrm>
          <a:solidFill>
            <a:srgbClr val="D2D2D1"/>
          </a:solidFill>
        </p:spPr>
        <p:txBody>
          <a:bodyPr lIns="72000" tIns="72000" rIns="2628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ED8BB77A-857B-40DC-AA62-174BCCB91F0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4564800"/>
            <a:ext cx="7416000" cy="1743925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9503293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5125">
          <p15:clr>
            <a:srgbClr val="00000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 og tre spalter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1C2C8A-42F4-4938-8FA8-FC7F4CCD454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EED141-840B-481C-8137-24D55D0DA4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5F7CCE3-1AC8-4D5E-A746-0B13AC0153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85A89E-2BC8-451D-8D63-7625A884E3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A42D9212-953F-4E1B-A067-97CD65B2C8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4564104"/>
            <a:ext cx="3600000" cy="1744621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16C990-FCEC-43DA-8F12-6B4974E1DC3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1152000"/>
            <a:ext cx="4320000" cy="3060000"/>
          </a:xfrm>
          <a:solidFill>
            <a:srgbClr val="D2D2D1"/>
          </a:solidFill>
        </p:spPr>
        <p:txBody>
          <a:bodyPr lIns="720000" tIns="72000" rIns="108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E39398D9-1006-4B43-BE69-8746DDE1CF1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428000" y="1152000"/>
            <a:ext cx="3600000" cy="3060000"/>
          </a:xfrm>
          <a:solidFill>
            <a:srgbClr val="D2D2D1"/>
          </a:solidFill>
        </p:spPr>
        <p:txBody>
          <a:bodyPr lIns="72000" tIns="72000" rIns="108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2C053F1C-8F00-4EAF-A092-0ADBD4B1D2B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136000" y="1152000"/>
            <a:ext cx="4056000" cy="3060000"/>
          </a:xfrm>
          <a:solidFill>
            <a:srgbClr val="D2D2D1"/>
          </a:solidFill>
        </p:spPr>
        <p:txBody>
          <a:bodyPr lIns="72000" tIns="72000" rIns="108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1928B4F0-6BC6-4F8E-AF2F-E2A2B8E64F2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428000" y="4564103"/>
            <a:ext cx="3599988" cy="1744621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E3FFE620-AA02-415F-8A5B-1B6573466C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35988" y="4564103"/>
            <a:ext cx="3332112" cy="1744622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8521052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5125">
          <p15:clr>
            <a:srgbClr val="000000"/>
          </p15:clr>
        </p15:guide>
        <p15:guide id="2" pos="2721" userDrawn="1">
          <p15:clr>
            <a:srgbClr val="000000"/>
          </p15:clr>
        </p15:guide>
        <p15:guide id="3" pos="2789" userDrawn="1">
          <p15:clr>
            <a:srgbClr val="000000"/>
          </p15:clr>
        </p15:guide>
        <p15:guide id="4" pos="5057" userDrawn="1">
          <p15:clr>
            <a:srgbClr val="00000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foto i højre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8104" y="522820"/>
            <a:ext cx="7066359" cy="591605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kort overskrift</a:t>
            </a:r>
            <a:endParaRPr lang="da-DK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20001" y="1114425"/>
            <a:ext cx="7044462" cy="51943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124826" y="0"/>
            <a:ext cx="4067174" cy="6858000"/>
          </a:xfrm>
          <a:solidFill>
            <a:srgbClr val="D2D2D1"/>
          </a:solidFill>
        </p:spPr>
        <p:txBody>
          <a:bodyPr lIns="108000" tIns="108000" rIns="540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3787143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to i venstre side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401741" y="515939"/>
            <a:ext cx="7092000" cy="1292748"/>
          </a:xfrm>
        </p:spPr>
        <p:txBody>
          <a:bodyPr anchor="b" anchorCtr="0"/>
          <a:lstStyle>
            <a:lvl1pPr>
              <a:defRPr sz="3000" b="1" i="0" cap="none" baseline="0">
                <a:solidFill>
                  <a:schemeClr val="accent3"/>
                </a:solidFill>
              </a:defRPr>
            </a:lvl1pPr>
          </a:lstStyle>
          <a:p>
            <a:r>
              <a:rPr lang="da-DK" noProof="0" dirty="0"/>
              <a:t>Klik og tilføj overskrift</a:t>
            </a:r>
            <a:endParaRPr lang="da-DK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427999" y="1971640"/>
            <a:ext cx="7065741" cy="4337085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-3174" y="0"/>
            <a:ext cx="4067174" cy="6858000"/>
          </a:xfrm>
          <a:solidFill>
            <a:srgbClr val="D2D2D1"/>
          </a:solidFill>
        </p:spPr>
        <p:txBody>
          <a:bodyPr lIns="108000" tIns="108000" rIns="540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3624989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kon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401741" y="515939"/>
            <a:ext cx="7066359" cy="1292748"/>
          </a:xfrm>
        </p:spPr>
        <p:txBody>
          <a:bodyPr anchor="b" anchorCtr="0"/>
          <a:lstStyle>
            <a:lvl1pPr>
              <a:defRPr sz="3000" b="1" i="0" cap="none" baseline="0">
                <a:solidFill>
                  <a:schemeClr val="accent3"/>
                </a:solidFill>
              </a:defRPr>
            </a:lvl1pPr>
          </a:lstStyle>
          <a:p>
            <a:r>
              <a:rPr lang="da-DK" noProof="0" dirty="0"/>
              <a:t>Klik og tilføj overskrift</a:t>
            </a:r>
            <a:endParaRPr lang="da-DK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428000" y="1971640"/>
            <a:ext cx="7040100" cy="4337085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ADFCF66-F6B8-4250-828A-6A3300136D49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15962" y="3235324"/>
            <a:ext cx="3348037" cy="3073401"/>
          </a:xfrm>
        </p:spPr>
        <p:txBody>
          <a:bodyPr/>
          <a:lstStyle>
            <a:lvl1pPr marL="0" indent="0" algn="ctr">
              <a:lnSpc>
                <a:spcPct val="100000"/>
              </a:lnSpc>
              <a:buFontTx/>
              <a:buNone/>
              <a:defRPr sz="1800" b="1"/>
            </a:lvl1pPr>
            <a:lvl2pPr marL="180000">
              <a:lnSpc>
                <a:spcPct val="100000"/>
              </a:lnSpc>
              <a:spcBef>
                <a:spcPts val="1200"/>
              </a:spcBef>
              <a:defRPr/>
            </a:lvl2pPr>
            <a:lvl3pPr marL="360000">
              <a:lnSpc>
                <a:spcPct val="100000"/>
              </a:lnSpc>
              <a:defRPr/>
            </a:lvl3pPr>
            <a:lvl4pPr marL="360000">
              <a:lnSpc>
                <a:spcPct val="100000"/>
              </a:lnSpc>
              <a:defRPr/>
            </a:lvl4pPr>
            <a:lvl5pPr marL="360000">
              <a:lnSpc>
                <a:spcPct val="100000"/>
              </a:lnSpc>
              <a:defRPr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88ACB3D8-AF09-437B-BC62-6F53FB2B579B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1505243" y="1998398"/>
            <a:ext cx="1786598" cy="1099097"/>
          </a:xfrm>
          <a:noFill/>
        </p:spPr>
        <p:txBody>
          <a:bodyPr lIns="0" tIns="36000" rIns="0" bIns="3060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ikon via Skyfish-ikonet. Klik derefter på Billedværktøj og vælg Tilpas (Fit)</a:t>
            </a:r>
          </a:p>
        </p:txBody>
      </p:sp>
    </p:spTree>
    <p:extLst>
      <p:ext uri="{BB962C8B-B14F-4D97-AF65-F5344CB8AC3E}">
        <p14:creationId xmlns:p14="http://schemas.microsoft.com/office/powerpoint/2010/main" val="142303418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ik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8104" y="522820"/>
            <a:ext cx="7066359" cy="591605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kort overskrift</a:t>
            </a:r>
            <a:endParaRPr lang="da-DK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20001" y="1114425"/>
            <a:ext cx="7044462" cy="51943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D8835F6-1C42-4B69-8EAA-7E213AF61F4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4826" y="0"/>
            <a:ext cx="4067174" cy="6857999"/>
          </a:xfrm>
          <a:solidFill>
            <a:srgbClr val="3F606E"/>
          </a:solidFill>
        </p:spPr>
        <p:txBody>
          <a:bodyPr lIns="720000" tIns="3276000" rIns="720000" bIns="720000"/>
          <a:lstStyle>
            <a:lvl1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1pPr>
            <a:lvl2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2pPr>
            <a:lvl3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3pPr>
            <a:lvl4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4pPr>
            <a:lvl5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. Bundfarve ændres via Fyldfarve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C3FC06D8-7CDB-4C60-8DF8-40C596DADEFD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8848725" y="1422399"/>
            <a:ext cx="2619375" cy="1611413"/>
          </a:xfrm>
          <a:noFill/>
        </p:spPr>
        <p:txBody>
          <a:bodyPr lIns="36000" tIns="36000" rIns="0" bIns="0"/>
          <a:lstStyle>
            <a:lvl1pPr marL="0" indent="0">
              <a:buNone/>
              <a:defRPr sz="1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denne pladsholder og indsæt ikon via Skyfish-ikonet. Klik derefter på Billedværktøj under Sund &amp; Bælt fanen og vælg Tilpas (Fit)</a:t>
            </a:r>
          </a:p>
        </p:txBody>
      </p:sp>
    </p:spTree>
    <p:extLst>
      <p:ext uri="{BB962C8B-B14F-4D97-AF65-F5344CB8AC3E}">
        <p14:creationId xmlns:p14="http://schemas.microsoft.com/office/powerpoint/2010/main" val="93674903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foto (evt. cita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D8835F6-1C42-4B69-8EAA-7E213AF61F4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4826" y="0"/>
            <a:ext cx="4067174" cy="6857999"/>
          </a:xfrm>
          <a:solidFill>
            <a:srgbClr val="3F606E"/>
          </a:solidFill>
        </p:spPr>
        <p:txBody>
          <a:bodyPr lIns="720000" tIns="3276000" rIns="720000" bIns="720000"/>
          <a:lstStyle>
            <a:lvl1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2pPr>
            <a:lvl3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3pPr>
            <a:lvl4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4pPr>
            <a:lvl5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. Bundfarve ændres via Fyldfarve.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8104" y="522820"/>
            <a:ext cx="7066359" cy="591605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kort overskrift</a:t>
            </a:r>
            <a:endParaRPr lang="da-DK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20001" y="1114425"/>
            <a:ext cx="7044462" cy="51943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1DE4206E-8096-4614-AC97-2FD35E363477}"/>
              </a:ext>
            </a:extLst>
          </p:cNvPr>
          <p:cNvSpPr>
            <a:spLocks noGrp="1" noChangeAspect="1"/>
          </p:cNvSpPr>
          <p:nvPr>
            <p:ph type="pic" sz="quarter" idx="19" hasCustomPrompt="1"/>
          </p:nvPr>
        </p:nvSpPr>
        <p:spPr>
          <a:xfrm>
            <a:off x="9381067" y="1603022"/>
            <a:ext cx="1476000" cy="1476000"/>
          </a:xfrm>
          <a:prstGeom prst="ellipse">
            <a:avLst/>
          </a:prstGeom>
          <a:solidFill>
            <a:schemeClr val="bg1"/>
          </a:solidFill>
        </p:spPr>
        <p:txBody>
          <a:bodyPr wrap="square" tIns="0" bIns="1656000" anchor="b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05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</p:spTree>
    <p:extLst>
      <p:ext uri="{BB962C8B-B14F-4D97-AF65-F5344CB8AC3E}">
        <p14:creationId xmlns:p14="http://schemas.microsoft.com/office/powerpoint/2010/main" val="53552971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 med b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3B9D57E2-52F8-49B2-98E1-F31E646426E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086069" y="1944000"/>
            <a:ext cx="2592000" cy="1440000"/>
          </a:xfrm>
          <a:solidFill>
            <a:srgbClr val="D2D2D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4" name="Picture Placeholder 8">
            <a:extLst>
              <a:ext uri="{FF2B5EF4-FFF2-40B4-BE49-F238E27FC236}">
                <a16:creationId xmlns:a16="http://schemas.microsoft.com/office/drawing/2014/main" id="{D6367E47-1CB4-4BE8-8171-5F96EBA71DB7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785624" y="1944000"/>
            <a:ext cx="2592000" cy="1440000"/>
          </a:xfrm>
          <a:solidFill>
            <a:srgbClr val="D2D2D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6" name="Picture Placeholder 8">
            <a:extLst>
              <a:ext uri="{FF2B5EF4-FFF2-40B4-BE49-F238E27FC236}">
                <a16:creationId xmlns:a16="http://schemas.microsoft.com/office/drawing/2014/main" id="{9FDC6911-9C60-4781-AA45-CFABE9A1A9E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485624" y="1944000"/>
            <a:ext cx="2592000" cy="1440000"/>
          </a:xfrm>
          <a:solidFill>
            <a:srgbClr val="D2D2D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4904724"/>
            <a:ext cx="12191999" cy="1953275"/>
          </a:xfrm>
          <a:solidFill>
            <a:srgbClr val="3F606E"/>
          </a:solidFill>
        </p:spPr>
        <p:txBody>
          <a:bodyPr lIns="720000" tIns="252000" rIns="8121600" bIns="43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. Bundfarve ændres via Fyldfarve.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4363" y="4904725"/>
            <a:ext cx="3340100" cy="1512000"/>
          </a:xfrm>
        </p:spPr>
        <p:txBody>
          <a:bodyPr tIns="25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0953736-C736-44D1-A7CF-23887B72437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4904725"/>
            <a:ext cx="3343274" cy="1512000"/>
          </a:xfrm>
        </p:spPr>
        <p:txBody>
          <a:bodyPr tIns="25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63B4B8E4-FA42-42E2-8CB3-A44D548016D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085975" y="3535424"/>
            <a:ext cx="2592388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34FEBCBF-CBFD-4C7D-B2EB-4AD665D79AE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786312" y="3535424"/>
            <a:ext cx="2591311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75CB69CF-17B6-4D34-9846-5EB86A2A7B6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485062" y="3535423"/>
            <a:ext cx="2592561" cy="648001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Tx/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FontTx/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FontTx/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FontTx/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FontTx/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4202364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, bund og baggrund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41176D7A-C0A8-4793-8929-431E2C192700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-1" y="0"/>
            <a:ext cx="12191999" cy="4904723"/>
          </a:xfrm>
          <a:solidFill>
            <a:srgbClr val="D2D2D1"/>
          </a:solidFill>
        </p:spPr>
        <p:txBody>
          <a:bodyPr tIns="7200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3B9D57E2-52F8-49B2-98E1-F31E646426E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086069" y="1944000"/>
            <a:ext cx="2592000" cy="1440000"/>
          </a:xfrm>
          <a:solidFill>
            <a:schemeClr val="bg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4" name="Picture Placeholder 8">
            <a:extLst>
              <a:ext uri="{FF2B5EF4-FFF2-40B4-BE49-F238E27FC236}">
                <a16:creationId xmlns:a16="http://schemas.microsoft.com/office/drawing/2014/main" id="{D6367E47-1CB4-4BE8-8171-5F96EBA71DB7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785624" y="1944000"/>
            <a:ext cx="2592000" cy="1440000"/>
          </a:xfrm>
          <a:solidFill>
            <a:schemeClr val="bg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6" name="Picture Placeholder 8">
            <a:extLst>
              <a:ext uri="{FF2B5EF4-FFF2-40B4-BE49-F238E27FC236}">
                <a16:creationId xmlns:a16="http://schemas.microsoft.com/office/drawing/2014/main" id="{9FDC6911-9C60-4781-AA45-CFABE9A1A9E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485624" y="1944000"/>
            <a:ext cx="2592000" cy="1440000"/>
          </a:xfrm>
          <a:solidFill>
            <a:schemeClr val="bg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4904724"/>
            <a:ext cx="12191999" cy="1953275"/>
          </a:xfrm>
          <a:solidFill>
            <a:srgbClr val="3F606E"/>
          </a:solidFill>
        </p:spPr>
        <p:txBody>
          <a:bodyPr lIns="720000" tIns="252000" rIns="8121600" bIns="43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 dirty="0"/>
              <a:t>Klik her for at tilføje tekst. Bundfarve ændres via Fyldfarve.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4363" y="4904725"/>
            <a:ext cx="3340100" cy="1512000"/>
          </a:xfrm>
        </p:spPr>
        <p:txBody>
          <a:bodyPr tIns="25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 dirty="0"/>
              <a:t>Klik her for at tilføje tekst, bundfarve ændres via Fyldfarve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0953736-C736-44D1-A7CF-23887B72437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4904725"/>
            <a:ext cx="3343274" cy="1512000"/>
          </a:xfrm>
        </p:spPr>
        <p:txBody>
          <a:bodyPr tIns="25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 dirty="0"/>
              <a:t>Klik her for at tilføje tekst, bundfarve ændres via Fyldfarve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63B4B8E4-FA42-42E2-8CB3-A44D548016D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085975" y="3535424"/>
            <a:ext cx="2592388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34FEBCBF-CBFD-4C7D-B2EB-4AD665D79AE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786312" y="3535424"/>
            <a:ext cx="2591311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75CB69CF-17B6-4D34-9846-5EB86A2A7B6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485062" y="3535423"/>
            <a:ext cx="2592561" cy="648001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Tx/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FontTx/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FontTx/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FontTx/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FontTx/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760428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med b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icture Placeholder 8">
            <a:extLst>
              <a:ext uri="{FF2B5EF4-FFF2-40B4-BE49-F238E27FC236}">
                <a16:creationId xmlns:a16="http://schemas.microsoft.com/office/drawing/2014/main" id="{7CC9ED2E-7603-4D4B-9B08-566DE3253743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294369" y="1944000"/>
            <a:ext cx="1980000" cy="1440000"/>
          </a:xfrm>
          <a:noFill/>
        </p:spPr>
        <p:txBody>
          <a:bodyPr lIns="0" tIns="0" rIns="0" bIns="3096000"/>
          <a:lstStyle>
            <a:lvl1pPr marL="0" indent="0">
              <a:buNone/>
              <a:defRPr sz="1100"/>
            </a:lvl1pPr>
          </a:lstStyle>
          <a:p>
            <a:r>
              <a:rPr lang="da-DK" dirty="0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4" name="Picture Placeholder 8">
            <a:extLst>
              <a:ext uri="{FF2B5EF4-FFF2-40B4-BE49-F238E27FC236}">
                <a16:creationId xmlns:a16="http://schemas.microsoft.com/office/drawing/2014/main" id="{CA88D72C-D6F4-4485-8A30-9D9CF4255AEB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5125579" y="1944000"/>
            <a:ext cx="1980000" cy="1440000"/>
          </a:xfrm>
          <a:noFill/>
        </p:spPr>
        <p:txBody>
          <a:bodyPr lIns="0" tIns="0" rIns="0" bIns="3096000"/>
          <a:lstStyle>
            <a:lvl1pPr marL="0" indent="0">
              <a:buNone/>
              <a:defRPr sz="1100"/>
            </a:lvl1pPr>
          </a:lstStyle>
          <a:p>
            <a:r>
              <a:rPr lang="da-DK" dirty="0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5" name="Picture Placeholder 8">
            <a:extLst>
              <a:ext uri="{FF2B5EF4-FFF2-40B4-BE49-F238E27FC236}">
                <a16:creationId xmlns:a16="http://schemas.microsoft.com/office/drawing/2014/main" id="{ECC72F42-8AD5-4874-93E7-B3F6B22E8B53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938099" y="1944000"/>
            <a:ext cx="1980001" cy="1440000"/>
          </a:xfrm>
          <a:noFill/>
        </p:spPr>
        <p:txBody>
          <a:bodyPr lIns="0" tIns="0" rIns="0" bIns="3096000"/>
          <a:lstStyle>
            <a:lvl1pPr marL="0" indent="0">
              <a:buNone/>
              <a:defRPr sz="1100"/>
            </a:lvl1pPr>
          </a:lstStyle>
          <a:p>
            <a:r>
              <a:rPr lang="da-DK" dirty="0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4904724"/>
            <a:ext cx="12191999" cy="1953275"/>
          </a:xfrm>
          <a:solidFill>
            <a:srgbClr val="3F606E"/>
          </a:solidFill>
        </p:spPr>
        <p:txBody>
          <a:bodyPr lIns="720000" tIns="252000" rIns="8121600" bIns="43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 dirty="0"/>
              <a:t>Klik her for at tilføje tekst. Bundfarve ændres via Fyldfarve.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4363" y="4904725"/>
            <a:ext cx="3340100" cy="1512000"/>
          </a:xfrm>
        </p:spPr>
        <p:txBody>
          <a:bodyPr tIns="25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 dirty="0"/>
              <a:t>Klik her for at tilføje tekst, bundfarve ændres via Fyldfarve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0953736-C736-44D1-A7CF-23887B72437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4904725"/>
            <a:ext cx="3343274" cy="1512000"/>
          </a:xfrm>
        </p:spPr>
        <p:txBody>
          <a:bodyPr tIns="25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 dirty="0"/>
              <a:t>Klik her for at tilføje tekst, bundfarve ændres via Fyldfarve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63B4B8E4-FA42-42E2-8CB3-A44D548016D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006952" y="3533186"/>
            <a:ext cx="2592388" cy="84372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34FEBCBF-CBFD-4C7D-B2EB-4AD665D79AE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819924" y="3533186"/>
            <a:ext cx="2591311" cy="84372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 algn="ctr">
              <a:lnSpc>
                <a:spcPct val="100000"/>
              </a:lnSpc>
              <a:buNone/>
              <a:defRPr sz="18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75CB69CF-17B6-4D34-9846-5EB86A2A7B6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631819" y="3533185"/>
            <a:ext cx="2592561" cy="843729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Tx/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FontTx/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FontTx/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FontTx/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FontTx/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8497814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, tre f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hidden="1">
            <a:extLst>
              <a:ext uri="{FF2B5EF4-FFF2-40B4-BE49-F238E27FC236}">
                <a16:creationId xmlns:a16="http://schemas.microsoft.com/office/drawing/2014/main" id="{565D5141-D8C5-47AB-9079-5BF0068C3B8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FDE40A5B-2484-4EA5-8B58-8058FD0355E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216000"/>
            <a:ext cx="7308000" cy="2700000"/>
          </a:xfrm>
          <a:solidFill>
            <a:srgbClr val="D2D2D1"/>
          </a:solidFill>
        </p:spPr>
        <p:txBody>
          <a:bodyPr lIns="72000" tIns="72000" rIns="3672000"/>
          <a:lstStyle>
            <a:lvl1pPr marL="0" indent="0" algn="l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9">
            <a:extLst>
              <a:ext uri="{FF2B5EF4-FFF2-40B4-BE49-F238E27FC236}">
                <a16:creationId xmlns:a16="http://schemas.microsoft.com/office/drawing/2014/main" id="{C6BB9D91-D4DD-4A57-A645-9476A89F8A22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3024000"/>
            <a:ext cx="7308000" cy="3618000"/>
          </a:xfrm>
          <a:solidFill>
            <a:srgbClr val="D2D2D1"/>
          </a:solidFill>
        </p:spPr>
        <p:txBody>
          <a:bodyPr lIns="72000" tIns="72000" rIns="3672000"/>
          <a:lstStyle>
            <a:lvl1pPr marL="0" indent="0" algn="l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9">
            <a:extLst>
              <a:ext uri="{FF2B5EF4-FFF2-40B4-BE49-F238E27FC236}">
                <a16:creationId xmlns:a16="http://schemas.microsoft.com/office/drawing/2014/main" id="{E270AFB2-B263-4F6A-9E9B-8C91DB6C854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19600" y="216000"/>
            <a:ext cx="4554000" cy="6426000"/>
          </a:xfrm>
          <a:solidFill>
            <a:srgbClr val="D2D2D1"/>
          </a:solidFill>
        </p:spPr>
        <p:txBody>
          <a:bodyPr lIns="72000" tIns="72000" rIns="2376000" bIns="0"/>
          <a:lstStyle>
            <a:lvl1pPr marL="0" marR="0" indent="0" algn="l" defTabSz="914400" rtl="0" eaLnBrk="1" fontAlgn="auto" latinLnBrk="0" hangingPunct="1">
              <a:lnSpc>
                <a:spcPct val="91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76274" y="4296270"/>
            <a:ext cx="5896651" cy="1744148"/>
          </a:xfrm>
          <a:solidFill>
            <a:schemeClr val="bg1"/>
          </a:solidFill>
        </p:spPr>
        <p:txBody>
          <a:bodyPr wrap="square" lIns="252000" tIns="180000" rIns="504000" bIns="450000" anchor="b">
            <a:spAutoFit/>
          </a:bodyPr>
          <a:lstStyle>
            <a:lvl1pPr algn="l">
              <a:lnSpc>
                <a:spcPct val="90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/>
              <a:t>Indsæt overskrift</a:t>
            </a:r>
            <a:endParaRPr lang="da-DK" dirty="0"/>
          </a:p>
        </p:txBody>
      </p:sp>
      <p:sp>
        <p:nvSpPr>
          <p:cNvPr id="3" name="Date_DateCustomB"/>
          <p:cNvSpPr>
            <a:spLocks noGrp="1"/>
          </p:cNvSpPr>
          <p:nvPr>
            <p:ph type="subTitle" idx="1" hasCustomPrompt="1"/>
          </p:nvPr>
        </p:nvSpPr>
        <p:spPr>
          <a:xfrm>
            <a:off x="6076275" y="5639100"/>
            <a:ext cx="1648000" cy="178564"/>
          </a:xfrm>
        </p:spPr>
        <p:txBody>
          <a:bodyPr lIns="252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2pPr>
            <a:lvl3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3pPr>
            <a:lvl4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4pPr>
            <a:lvl5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5pPr>
            <a:lvl6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6pPr>
            <a:lvl7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7pPr>
            <a:lvl8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8pPr>
            <a:lvl9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9pPr>
          </a:lstStyle>
          <a:p>
            <a:r>
              <a:rPr lang="da-DK" dirty="0"/>
              <a:t>18 marts 2018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18-03-2018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946C274-2DE3-4F70-947D-5ACD040E202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724275" y="5639101"/>
            <a:ext cx="4248650" cy="4013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300"/>
            </a:lvl1pPr>
            <a:lvl2pPr marL="0" indent="0">
              <a:lnSpc>
                <a:spcPct val="100000"/>
              </a:lnSpc>
              <a:buNone/>
              <a:defRPr sz="1300"/>
            </a:lvl2pPr>
            <a:lvl3pPr marL="0" indent="0">
              <a:lnSpc>
                <a:spcPct val="100000"/>
              </a:lnSpc>
              <a:buNone/>
              <a:defRPr sz="1300"/>
            </a:lvl3pPr>
            <a:lvl4pPr marL="0" indent="0">
              <a:lnSpc>
                <a:spcPct val="100000"/>
              </a:lnSpc>
              <a:buNone/>
              <a:defRPr sz="1300"/>
            </a:lvl4pPr>
            <a:lvl5pPr marL="0" indent="0">
              <a:lnSpc>
                <a:spcPct val="100000"/>
              </a:lnSpc>
              <a:buNone/>
              <a:defRPr sz="1300"/>
            </a:lvl5pPr>
          </a:lstStyle>
          <a:p>
            <a:pPr lvl="0"/>
            <a:r>
              <a:rPr lang="da-DK"/>
              <a:t>Navn</a:t>
            </a:r>
            <a:endParaRPr lang="da-DK" dirty="0"/>
          </a:p>
        </p:txBody>
      </p:sp>
      <p:pic>
        <p:nvPicPr>
          <p:cNvPr id="1494711457" name="Logo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82000" y="432000"/>
            <a:ext cx="1872000" cy="943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5395310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36">
          <p15:clr>
            <a:srgbClr val="000000"/>
          </p15:clr>
        </p15:guide>
        <p15:guide id="2" pos="7542">
          <p15:clr>
            <a:srgbClr val="000000"/>
          </p15:clr>
        </p15:guide>
        <p15:guide id="3" orient="horz" pos="4183">
          <p15:clr>
            <a:srgbClr val="00000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ikoner med baggrund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6EB6FA31-FD12-4A41-AC92-462018FFA8C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noFill/>
        </p:spPr>
        <p:txBody>
          <a:bodyPr lIns="72000" tIns="72000" rIns="72000"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FD4499A-714B-4DB4-A91D-06C0003BAC8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1404000" y="3942000"/>
            <a:ext cx="1584000" cy="2189516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8028BCD8-1FCD-4622-B5C1-29E48AC9717A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363383" y="3942000"/>
            <a:ext cx="1584000" cy="218733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1" name="Text Placeholder 20">
            <a:extLst>
              <a:ext uri="{FF2B5EF4-FFF2-40B4-BE49-F238E27FC236}">
                <a16:creationId xmlns:a16="http://schemas.microsoft.com/office/drawing/2014/main" id="{1AC1310B-CA97-4735-9EC5-C8875EC8B878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300188" y="3942000"/>
            <a:ext cx="1584000" cy="218733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2pPr>
            <a:lvl3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3pPr>
            <a:lvl4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4pPr>
            <a:lvl5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E6B84-2217-4E22-AE37-F650CFCA8FEF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246800" y="3940174"/>
            <a:ext cx="1584000" cy="2189164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5" name="Text Placeholder 24">
            <a:extLst>
              <a:ext uri="{FF2B5EF4-FFF2-40B4-BE49-F238E27FC236}">
                <a16:creationId xmlns:a16="http://schemas.microsoft.com/office/drawing/2014/main" id="{64565392-4852-47A4-B66A-29EDC115F123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198000" y="3942000"/>
            <a:ext cx="1584000" cy="218733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E9DE71C-2A7A-4170-87B9-8D837C5B88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3290259-5361-492F-9B0C-8BFDAABE0B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7ACDE5F-44D1-4A84-A613-4845D76243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Picture Placeholder 8">
            <a:extLst>
              <a:ext uri="{FF2B5EF4-FFF2-40B4-BE49-F238E27FC236}">
                <a16:creationId xmlns:a16="http://schemas.microsoft.com/office/drawing/2014/main" id="{6A43358C-B6F4-431E-B695-43B880B86088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1404000" y="2304000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da-DK" dirty="0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0" name="Picture Placeholder 8">
            <a:extLst>
              <a:ext uri="{FF2B5EF4-FFF2-40B4-BE49-F238E27FC236}">
                <a16:creationId xmlns:a16="http://schemas.microsoft.com/office/drawing/2014/main" id="{5B7D0282-6233-4EF2-90B1-7A03521BE8C7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363383" y="2304000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da-DK" dirty="0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2" name="Picture Placeholder 8">
            <a:extLst>
              <a:ext uri="{FF2B5EF4-FFF2-40B4-BE49-F238E27FC236}">
                <a16:creationId xmlns:a16="http://schemas.microsoft.com/office/drawing/2014/main" id="{F100A2DB-7282-4A10-952C-D9AE27531E99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5300188" y="2298158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da-DK" dirty="0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4" name="Picture Placeholder 8">
            <a:extLst>
              <a:ext uri="{FF2B5EF4-FFF2-40B4-BE49-F238E27FC236}">
                <a16:creationId xmlns:a16="http://schemas.microsoft.com/office/drawing/2014/main" id="{9EA03B0D-BB16-48EA-BDB6-175BCD6996DF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7248282" y="2298158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da-DK" dirty="0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33" name="Picture Placeholder 8">
            <a:extLst>
              <a:ext uri="{FF2B5EF4-FFF2-40B4-BE49-F238E27FC236}">
                <a16:creationId xmlns:a16="http://schemas.microsoft.com/office/drawing/2014/main" id="{689D88AB-0E47-4D3C-88AD-A10710CC47B5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9196376" y="2298158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da-DK" dirty="0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3466739-D2CF-42A2-8F9D-4E0B1812BFB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4003086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fotos, tekst og baggrund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6EB6FA31-FD12-4A41-AC92-462018FFA8C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lIns="72000" tIns="72000" rIns="72000"/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E9DE71C-2A7A-4170-87B9-8D837C5B88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3290259-5361-492F-9B0C-8BFDAABE0B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7ACDE5F-44D1-4A84-A613-4845D76243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6521080-9572-4777-A291-6FCEF4F55D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2016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10">
            <a:extLst>
              <a:ext uri="{FF2B5EF4-FFF2-40B4-BE49-F238E27FC236}">
                <a16:creationId xmlns:a16="http://schemas.microsoft.com/office/drawing/2014/main" id="{1F4D5582-5E79-4828-A40D-3C40036ADCA7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672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10">
            <a:extLst>
              <a:ext uri="{FF2B5EF4-FFF2-40B4-BE49-F238E27FC236}">
                <a16:creationId xmlns:a16="http://schemas.microsoft.com/office/drawing/2014/main" id="{53C52D93-8D65-4C7F-B5C6-E4D8D18474D2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328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4" name="Picture Placeholder 10">
            <a:extLst>
              <a:ext uri="{FF2B5EF4-FFF2-40B4-BE49-F238E27FC236}">
                <a16:creationId xmlns:a16="http://schemas.microsoft.com/office/drawing/2014/main" id="{18696D90-FB54-4F7F-940B-D8B4BB12EE0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6984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7" name="Picture Placeholder 10">
            <a:extLst>
              <a:ext uri="{FF2B5EF4-FFF2-40B4-BE49-F238E27FC236}">
                <a16:creationId xmlns:a16="http://schemas.microsoft.com/office/drawing/2014/main" id="{2BCF06BC-E95A-406F-966D-7E2EBD3D63F5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640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F87FB50F-BE5C-4CA6-BE0E-59A33485E74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127023" y="3894667"/>
            <a:ext cx="5937955" cy="2414058"/>
          </a:xfrm>
        </p:spPr>
        <p:txBody>
          <a:bodyPr/>
          <a:lstStyle>
            <a:lvl1pPr marL="0" indent="0" algn="ctr">
              <a:lnSpc>
                <a:spcPct val="100000"/>
              </a:lnSpc>
              <a:buNone/>
              <a:defRPr b="1"/>
            </a:lvl1pPr>
            <a:lvl2pPr marL="180000">
              <a:lnSpc>
                <a:spcPct val="100000"/>
              </a:lnSpc>
              <a:spcBef>
                <a:spcPts val="1200"/>
              </a:spcBef>
              <a:defRPr sz="2000"/>
            </a:lvl2pPr>
            <a:lvl3pPr marL="360000">
              <a:lnSpc>
                <a:spcPct val="100000"/>
              </a:lnSpc>
              <a:defRPr sz="1800"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876D3FB-F80E-4DD2-860B-08974AA9EB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001402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tIns="72000" anchor="t" anchorCtr="0"/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noProof="0" dirty="0"/>
              <a:t>Klik og tilføj overskrift i en linje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 dirty="0"/>
              <a:t>18 marts 2018</a:t>
            </a:r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9874272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sfoto med tekst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noProof="0" dirty="0"/>
              <a:t>Klik og tilføj overskrift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589DBC74-3786-447B-B59D-7C7225E065B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766755" y="1975555"/>
            <a:ext cx="4030133" cy="4320000"/>
          </a:xfrm>
          <a:solidFill>
            <a:schemeClr val="bg1">
              <a:alpha val="80000"/>
            </a:schemeClr>
          </a:solidFill>
        </p:spPr>
        <p:txBody>
          <a:bodyPr lIns="288000" tIns="270000" rIns="288000" bIns="216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 dirty="0"/>
              <a:t>Klik her for at tilføje tekst. Bundfarve ændres via Fyldfarve.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 dirty="0"/>
              <a:t>18 marts 2018</a:t>
            </a:r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3357215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sfoto med tekstboks og ik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noProof="0" dirty="0"/>
              <a:t>Klik og tilføj overskrift i en linj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589DBC74-3786-447B-B59D-7C7225E065B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766755" y="1114425"/>
            <a:ext cx="4030133" cy="5181130"/>
          </a:xfrm>
          <a:solidFill>
            <a:schemeClr val="bg1">
              <a:alpha val="80000"/>
            </a:schemeClr>
          </a:solidFill>
        </p:spPr>
        <p:txBody>
          <a:bodyPr lIns="288000" tIns="2088000" rIns="288000" bIns="216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 dirty="0"/>
              <a:t>Klik her for at tilføje tekst. Bundfarve ændres via Fyldfarve.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 dirty="0"/>
              <a:t>18 marts 2018</a:t>
            </a:r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7A6184AB-8E91-413B-8105-2DE6238AFA16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8472133" y="1422399"/>
            <a:ext cx="2619375" cy="1611413"/>
          </a:xfrm>
          <a:noFill/>
        </p:spPr>
        <p:txBody>
          <a:bodyPr lIns="72000" tIns="36000" rIns="0" bIns="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ikon via Skyfish-ikonet. Klik derefter på Billedværktøj under Sund &amp; Bælt-fanen og vælg Tilpas (Fit)</a:t>
            </a:r>
          </a:p>
        </p:txBody>
      </p:sp>
    </p:spTree>
    <p:extLst>
      <p:ext uri="{BB962C8B-B14F-4D97-AF65-F5344CB8AC3E}">
        <p14:creationId xmlns:p14="http://schemas.microsoft.com/office/powerpoint/2010/main" val="176126273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to med c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93074E6-CE2C-4C4D-9832-6F9DB925ED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CB52732-F38A-4168-A7DD-AA18C4F20E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49A0495-F73C-404B-B4F7-AF20E4418A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0736BE52-D287-4343-A7BC-32112F12441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286000" y="1440000"/>
            <a:ext cx="1620000" cy="1620000"/>
          </a:xfrm>
          <a:solidFill>
            <a:schemeClr val="bg1">
              <a:lumMod val="95000"/>
            </a:schemeClr>
          </a:solidFill>
        </p:spPr>
        <p:txBody>
          <a:bodyPr wrap="none" bIns="2160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A9A0F01F-F794-4B74-BB5F-C645949017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668000" y="3276599"/>
            <a:ext cx="8856000" cy="2311401"/>
          </a:xfrm>
        </p:spPr>
        <p:txBody>
          <a:bodyPr/>
          <a:lstStyle>
            <a:lvl1pPr marL="108000" indent="-108000" algn="ctr">
              <a:lnSpc>
                <a:spcPct val="91000"/>
              </a:lnSpc>
              <a:spcBef>
                <a:spcPts val="0"/>
              </a:spcBef>
              <a:spcAft>
                <a:spcPts val="1800"/>
              </a:spcAft>
              <a:buClrTx/>
              <a:buFont typeface="Arial" panose="020B0604020202020204" pitchFamily="34" charset="0"/>
              <a:buChar char="”"/>
              <a:defRPr sz="3000">
                <a:solidFill>
                  <a:srgbClr val="3F606E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1600"/>
            </a:lvl2pPr>
            <a:lvl3pPr marL="0" indent="0" algn="ctr">
              <a:lnSpc>
                <a:spcPct val="100000"/>
              </a:lnSpc>
              <a:spcBef>
                <a:spcPts val="1800"/>
              </a:spcBef>
              <a:buClrTx/>
              <a:buFont typeface="Arial" panose="020B0604020202020204" pitchFamily="34" charset="0"/>
              <a:buChar char="​"/>
              <a:defRPr/>
            </a:lvl3pPr>
            <a:lvl4pPr marL="0" indent="0" algn="ctr">
              <a:lnSpc>
                <a:spcPct val="100000"/>
              </a:lnSpc>
              <a:spcBef>
                <a:spcPts val="1800"/>
              </a:spcBef>
              <a:buClrTx/>
              <a:buFont typeface="Arial" panose="020B0604020202020204" pitchFamily="34" charset="0"/>
              <a:buChar char="​"/>
              <a:defRPr/>
            </a:lvl4pPr>
            <a:lvl5pPr marL="0" indent="0" algn="ctr">
              <a:lnSpc>
                <a:spcPct val="100000"/>
              </a:lnSpc>
              <a:spcBef>
                <a:spcPts val="1800"/>
              </a:spcBef>
              <a:buClrTx/>
              <a:buFont typeface="Arial" panose="020B0604020202020204" pitchFamily="34" charset="0"/>
              <a:buChar char="​"/>
              <a:defRPr/>
            </a:lvl5pPr>
          </a:lstStyle>
          <a:p>
            <a:pPr lvl="0"/>
            <a:r>
              <a:rPr lang="da-DK" dirty="0"/>
              <a:t>Skriv citat og afslut med citationstegn” 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C3499BF2-BDE7-4C3D-8E06-733CDF3FC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916036A7-78AE-43F9-896F-9AFD661C6BF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658938" y="5588000"/>
            <a:ext cx="8863012" cy="541338"/>
          </a:xfrm>
        </p:spPr>
        <p:txBody>
          <a:bodyPr/>
          <a:lstStyle>
            <a:lvl1pPr marL="0" indent="0" algn="ctr">
              <a:spcBef>
                <a:spcPts val="0"/>
              </a:spcBef>
              <a:buFontTx/>
              <a:buNone/>
              <a:defRPr sz="1600"/>
            </a:lvl1pPr>
            <a:lvl2pPr marL="0" indent="0" algn="ctr">
              <a:buFontTx/>
              <a:buNone/>
              <a:defRPr sz="1600"/>
            </a:lvl2pPr>
            <a:lvl3pPr marL="0" indent="0" algn="ctr">
              <a:buFontTx/>
              <a:buNone/>
              <a:defRPr sz="1600"/>
            </a:lvl3pPr>
            <a:lvl4pPr marL="0" indent="0" algn="ctr">
              <a:buFontTx/>
              <a:buNone/>
              <a:defRPr sz="1600"/>
            </a:lvl4pPr>
            <a:lvl5pPr marL="0" indent="0" algn="ctr">
              <a:buFontTx/>
              <a:buNone/>
              <a:defRPr sz="1600"/>
            </a:lvl5pPr>
          </a:lstStyle>
          <a:p>
            <a:pPr lvl="0"/>
            <a:r>
              <a:rPr lang="da-DK" dirty="0"/>
              <a:t>Indsæt navn, titel og firma</a:t>
            </a:r>
          </a:p>
        </p:txBody>
      </p:sp>
    </p:spTree>
    <p:extLst>
      <p:ext uri="{BB962C8B-B14F-4D97-AF65-F5344CB8AC3E}">
        <p14:creationId xmlns:p14="http://schemas.microsoft.com/office/powerpoint/2010/main" val="415756540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 marts 2018</a:t>
            </a:r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Kun sidenumm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 marts 2018</a:t>
            </a:r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204BEF62-0A0C-428F-9593-4784936349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5A2DACD1-A298-4D19-866E-68CF70D652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4BE3378-177E-45B6-8A07-1A8ABC3BC8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6" name="Text Box 2">
            <a:extLst>
              <a:ext uri="{FF2B5EF4-FFF2-40B4-BE49-F238E27FC236}">
                <a16:creationId xmlns:a16="http://schemas.microsoft.com/office/drawing/2014/main" id="{2562121C-7E79-4645-BB1B-1D3855B3831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5963" y="1444451"/>
            <a:ext cx="2280360" cy="47859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nyt sli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e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7" name="1 Forøg formindsk">
            <a:extLst>
              <a:ext uri="{FF2B5EF4-FFF2-40B4-BE49-F238E27FC236}">
                <a16:creationId xmlns:a16="http://schemas.microsoft.com/office/drawing/2014/main" id="{82A640AB-9083-4E25-B69C-5615DDD51EF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876760" y="2529100"/>
            <a:ext cx="549328" cy="285228"/>
          </a:xfrm>
          <a:prstGeom prst="rect">
            <a:avLst/>
          </a:prstGeom>
        </p:spPr>
      </p:pic>
      <p:pic>
        <p:nvPicPr>
          <p:cNvPr id="8" name="2 Ny slide">
            <a:extLst>
              <a:ext uri="{FF2B5EF4-FFF2-40B4-BE49-F238E27FC236}">
                <a16:creationId xmlns:a16="http://schemas.microsoft.com/office/drawing/2014/main" id="{C9EFBCCE-8D49-4A73-8762-63E5870B1EC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890679" y="3258299"/>
            <a:ext cx="363713" cy="647461"/>
          </a:xfrm>
          <a:prstGeom prst="rect">
            <a:avLst/>
          </a:prstGeom>
        </p:spPr>
      </p:pic>
      <p:pic>
        <p:nvPicPr>
          <p:cNvPr id="9" name="3 Layout">
            <a:extLst>
              <a:ext uri="{FF2B5EF4-FFF2-40B4-BE49-F238E27FC236}">
                <a16:creationId xmlns:a16="http://schemas.microsoft.com/office/drawing/2014/main" id="{00995F18-330D-4742-AD80-E856C91E09A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906144" y="4112380"/>
            <a:ext cx="593368" cy="192211"/>
          </a:xfrm>
          <a:prstGeom prst="rect">
            <a:avLst/>
          </a:prstGeom>
        </p:spPr>
      </p:pic>
      <p:pic>
        <p:nvPicPr>
          <p:cNvPr id="11" name="4 Nulstil">
            <a:extLst>
              <a:ext uri="{FF2B5EF4-FFF2-40B4-BE49-F238E27FC236}">
                <a16:creationId xmlns:a16="http://schemas.microsoft.com/office/drawing/2014/main" id="{2324BBF6-4E28-4408-B9EF-E9ED5897F24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06144" y="5560065"/>
            <a:ext cx="547241" cy="197798"/>
          </a:xfrm>
          <a:prstGeom prst="rect">
            <a:avLst/>
          </a:prstGeom>
        </p:spPr>
      </p:pic>
      <p:grpSp>
        <p:nvGrpSpPr>
          <p:cNvPr id="13" name="Gruppe 12">
            <a:extLst>
              <a:ext uri="{FF2B5EF4-FFF2-40B4-BE49-F238E27FC236}">
                <a16:creationId xmlns:a16="http://schemas.microsoft.com/office/drawing/2014/main" id="{D2C9FB0D-88F7-4914-B163-2A32B5C36395}"/>
              </a:ext>
            </a:extLst>
          </p:cNvPr>
          <p:cNvGrpSpPr/>
          <p:nvPr userDrawn="1"/>
        </p:nvGrpSpPr>
        <p:grpSpPr>
          <a:xfrm>
            <a:off x="6398620" y="3655032"/>
            <a:ext cx="740398" cy="934814"/>
            <a:chOff x="6398620" y="3815586"/>
            <a:chExt cx="740398" cy="934814"/>
          </a:xfrm>
        </p:grpSpPr>
        <p:pic>
          <p:nvPicPr>
            <p:cNvPr id="14" name="6 Crop">
              <a:extLst>
                <a:ext uri="{FF2B5EF4-FFF2-40B4-BE49-F238E27FC236}">
                  <a16:creationId xmlns:a16="http://schemas.microsoft.com/office/drawing/2014/main" id="{9CA7B9C2-7E56-410A-971E-5C2DB12375F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15" name="Billede 14">
              <a:extLst>
                <a:ext uri="{FF2B5EF4-FFF2-40B4-BE49-F238E27FC236}">
                  <a16:creationId xmlns:a16="http://schemas.microsoft.com/office/drawing/2014/main" id="{8279CECF-FAFA-4219-B5CE-3A3FD849884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16" name="Gruppe 15">
            <a:extLst>
              <a:ext uri="{FF2B5EF4-FFF2-40B4-BE49-F238E27FC236}">
                <a16:creationId xmlns:a16="http://schemas.microsoft.com/office/drawing/2014/main" id="{5BA528D8-8864-41DB-9710-AE4685B9A20B}"/>
              </a:ext>
            </a:extLst>
          </p:cNvPr>
          <p:cNvGrpSpPr/>
          <p:nvPr userDrawn="1"/>
        </p:nvGrpSpPr>
        <p:grpSpPr>
          <a:xfrm>
            <a:off x="6391652" y="4813484"/>
            <a:ext cx="740397" cy="929593"/>
            <a:chOff x="6391652" y="4854581"/>
            <a:chExt cx="740397" cy="929593"/>
          </a:xfrm>
        </p:grpSpPr>
        <p:pic>
          <p:nvPicPr>
            <p:cNvPr id="17" name="6 Crop">
              <a:extLst>
                <a:ext uri="{FF2B5EF4-FFF2-40B4-BE49-F238E27FC236}">
                  <a16:creationId xmlns:a16="http://schemas.microsoft.com/office/drawing/2014/main" id="{31C0B22E-AE96-4B47-B9E5-0C6BF3DDFBD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18" name="Billede 17">
              <a:extLst>
                <a:ext uri="{FF2B5EF4-FFF2-40B4-BE49-F238E27FC236}">
                  <a16:creationId xmlns:a16="http://schemas.microsoft.com/office/drawing/2014/main" id="{7DEA374A-1857-4DBB-B628-7924724B194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6442771" y="2420162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9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1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139846" y="1444451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24" name="6 Beskær">
            <a:extLst>
              <a:ext uri="{FF2B5EF4-FFF2-40B4-BE49-F238E27FC236}">
                <a16:creationId xmlns:a16="http://schemas.microsoft.com/office/drawing/2014/main" id="{73BFC9C5-9F8B-479D-9F8C-258E445B7163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10242475" y="1623601"/>
            <a:ext cx="337400" cy="321707"/>
          </a:xfrm>
          <a:prstGeom prst="rect">
            <a:avLst/>
          </a:prstGeom>
        </p:spPr>
      </p:pic>
      <p:pic>
        <p:nvPicPr>
          <p:cNvPr id="25" name="7 Skalér billede">
            <a:extLst>
              <a:ext uri="{FF2B5EF4-FFF2-40B4-BE49-F238E27FC236}">
                <a16:creationId xmlns:a16="http://schemas.microsoft.com/office/drawing/2014/main" id="{BC0CFA26-138E-416A-95E9-B8BD373116B3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10242475" y="1984241"/>
            <a:ext cx="359695" cy="335309"/>
          </a:xfrm>
          <a:prstGeom prst="rect">
            <a:avLst/>
          </a:prstGeom>
        </p:spPr>
      </p:pic>
      <p:sp>
        <p:nvSpPr>
          <p:cNvPr id="26" name="Fast overskrift">
            <a:extLst>
              <a:ext uri="{FF2B5EF4-FFF2-40B4-BE49-F238E27FC236}">
                <a16:creationId xmlns:a16="http://schemas.microsoft.com/office/drawing/2014/main" id="{70228264-0252-44FF-B3C8-4CBFA6043ED3}"/>
              </a:ext>
            </a:extLst>
          </p:cNvPr>
          <p:cNvSpPr txBox="1"/>
          <p:nvPr userDrawn="1"/>
        </p:nvSpPr>
        <p:spPr>
          <a:xfrm>
            <a:off x="696913" y="504682"/>
            <a:ext cx="10752137" cy="61133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>
              <a:lnSpc>
                <a:spcPct val="83000"/>
              </a:lnSpc>
            </a:pPr>
            <a:r>
              <a:rPr lang="en-GB" sz="3200" b="0" cap="all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28" name="Text Box 3">
            <a:extLst>
              <a:ext uri="{FF2B5EF4-FFF2-40B4-BE49-F238E27FC236}">
                <a16:creationId xmlns:a16="http://schemas.microsoft.com/office/drawing/2014/main" id="{9B2E8B7A-06A2-42A5-869E-998F86255B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98494" y="1444451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0759019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, fire f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FDE40A5B-2484-4EA5-8B58-8058FD0355E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216000"/>
            <a:ext cx="3600000" cy="2700000"/>
          </a:xfrm>
          <a:solidFill>
            <a:srgbClr val="D2D2D1"/>
          </a:solidFill>
        </p:spPr>
        <p:txBody>
          <a:bodyPr lIns="72000" tIns="72000" rIns="72000"/>
          <a:lstStyle>
            <a:lvl1pPr marL="0" indent="0" algn="l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ECFA8EB6-60C7-464C-9AB2-871246C22A9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3708000" y="215900"/>
            <a:ext cx="3600000" cy="2700000"/>
          </a:xfrm>
          <a:solidFill>
            <a:srgbClr val="D2D2D1"/>
          </a:solidFill>
        </p:spPr>
        <p:txBody>
          <a:bodyPr lIns="72000" tIns="72000" rIns="72000"/>
          <a:lstStyle>
            <a:lvl1pPr marL="0" indent="0" algn="l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9">
            <a:extLst>
              <a:ext uri="{FF2B5EF4-FFF2-40B4-BE49-F238E27FC236}">
                <a16:creationId xmlns:a16="http://schemas.microsoft.com/office/drawing/2014/main" id="{C6BB9D91-D4DD-4A57-A645-9476A89F8A22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3024000"/>
            <a:ext cx="7308000" cy="3618000"/>
          </a:xfrm>
          <a:solidFill>
            <a:srgbClr val="D2D2D1"/>
          </a:solidFill>
        </p:spPr>
        <p:txBody>
          <a:bodyPr lIns="72000" tIns="72000" rIns="3672000"/>
          <a:lstStyle>
            <a:lvl1pPr marL="0" indent="0" algn="l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9">
            <a:extLst>
              <a:ext uri="{FF2B5EF4-FFF2-40B4-BE49-F238E27FC236}">
                <a16:creationId xmlns:a16="http://schemas.microsoft.com/office/drawing/2014/main" id="{E270AFB2-B263-4F6A-9E9B-8C91DB6C854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19600" y="216000"/>
            <a:ext cx="4554000" cy="6426000"/>
          </a:xfrm>
          <a:solidFill>
            <a:srgbClr val="D2D2D1"/>
          </a:solidFill>
        </p:spPr>
        <p:txBody>
          <a:bodyPr lIns="72000" tIns="72000" rIns="2376000" bIns="0"/>
          <a:lstStyle>
            <a:lvl1pPr marL="0" marR="0" indent="0" algn="l" defTabSz="914400" rtl="0" eaLnBrk="1" fontAlgn="auto" latinLnBrk="0" hangingPunct="1">
              <a:lnSpc>
                <a:spcPct val="91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76274" y="4296270"/>
            <a:ext cx="5896651" cy="1744148"/>
          </a:xfrm>
          <a:solidFill>
            <a:schemeClr val="bg1"/>
          </a:solidFill>
        </p:spPr>
        <p:txBody>
          <a:bodyPr wrap="square" lIns="252000" tIns="180000" rIns="504000" bIns="450000" anchor="b">
            <a:spAutoFit/>
          </a:bodyPr>
          <a:lstStyle>
            <a:lvl1pPr algn="l">
              <a:lnSpc>
                <a:spcPct val="90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/>
              <a:t>Indsæt overskrift</a:t>
            </a:r>
          </a:p>
        </p:txBody>
      </p:sp>
      <p:sp>
        <p:nvSpPr>
          <p:cNvPr id="3" name="Date_DateCustomB"/>
          <p:cNvSpPr>
            <a:spLocks noGrp="1"/>
          </p:cNvSpPr>
          <p:nvPr>
            <p:ph type="subTitle" idx="1" hasCustomPrompt="1"/>
          </p:nvPr>
        </p:nvSpPr>
        <p:spPr>
          <a:xfrm>
            <a:off x="6076275" y="5639100"/>
            <a:ext cx="1648000" cy="178564"/>
          </a:xfrm>
        </p:spPr>
        <p:txBody>
          <a:bodyPr lIns="252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2pPr>
            <a:lvl3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3pPr>
            <a:lvl4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4pPr>
            <a:lvl5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5pPr>
            <a:lvl6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6pPr>
            <a:lvl7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7pPr>
            <a:lvl8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8pPr>
            <a:lvl9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9pPr>
          </a:lstStyle>
          <a:p>
            <a:r>
              <a:t>18 marts 2018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/>
              <a:t>18-03-2018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946C274-2DE3-4F70-947D-5ACD040E202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724275" y="5639101"/>
            <a:ext cx="4248650" cy="4013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300"/>
            </a:lvl1pPr>
            <a:lvl2pPr marL="0" indent="0">
              <a:lnSpc>
                <a:spcPct val="100000"/>
              </a:lnSpc>
              <a:buNone/>
              <a:defRPr sz="1300"/>
            </a:lvl2pPr>
            <a:lvl3pPr marL="0" indent="0">
              <a:lnSpc>
                <a:spcPct val="100000"/>
              </a:lnSpc>
              <a:buNone/>
              <a:defRPr sz="1300"/>
            </a:lvl3pPr>
            <a:lvl4pPr marL="0" indent="0">
              <a:lnSpc>
                <a:spcPct val="100000"/>
              </a:lnSpc>
              <a:buNone/>
              <a:defRPr sz="1300"/>
            </a:lvl4pPr>
            <a:lvl5pPr marL="0" indent="0">
              <a:lnSpc>
                <a:spcPct val="100000"/>
              </a:lnSpc>
              <a:buNone/>
              <a:defRPr sz="1300"/>
            </a:lvl5pPr>
          </a:lstStyle>
          <a:p>
            <a:pPr lvl="0"/>
            <a:r>
              <a:rPr lang="da-DK"/>
              <a:t>Navn</a:t>
            </a:r>
          </a:p>
        </p:txBody>
      </p:sp>
      <p:pic>
        <p:nvPicPr>
          <p:cNvPr id="3099812" name="Logo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82000" y="432000"/>
            <a:ext cx="1872000" cy="943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1395450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36">
          <p15:clr>
            <a:srgbClr val="000000"/>
          </p15:clr>
        </p15:guide>
        <p15:guide id="2" pos="7542">
          <p15:clr>
            <a:srgbClr val="000000"/>
          </p15:clr>
        </p15:guide>
        <p15:guide id="3" orient="horz" pos="4183">
          <p15:clr>
            <a:srgbClr val="00000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, ét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hidden="1">
            <a:extLst>
              <a:ext uri="{FF2B5EF4-FFF2-40B4-BE49-F238E27FC236}">
                <a16:creationId xmlns:a16="http://schemas.microsoft.com/office/drawing/2014/main" id="{565D5141-D8C5-47AB-9079-5BF0068C3B8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FDE40A5B-2484-4EA5-8B58-8058FD0355E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1" y="216000"/>
            <a:ext cx="11972925" cy="6426000"/>
          </a:xfrm>
          <a:solidFill>
            <a:srgbClr val="D2D2D1"/>
          </a:solidFill>
        </p:spPr>
        <p:txBody>
          <a:bodyPr lIns="72000" tIns="72000" rIns="7200000"/>
          <a:lstStyle>
            <a:lvl1pPr marL="0" indent="0" algn="l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76274" y="4296270"/>
            <a:ext cx="5896651" cy="1744148"/>
          </a:xfrm>
          <a:solidFill>
            <a:schemeClr val="bg1"/>
          </a:solidFill>
        </p:spPr>
        <p:txBody>
          <a:bodyPr wrap="square" lIns="252000" tIns="180000" rIns="504000" bIns="450000" anchor="b">
            <a:spAutoFit/>
          </a:bodyPr>
          <a:lstStyle>
            <a:lvl1pPr algn="l">
              <a:lnSpc>
                <a:spcPct val="90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/>
              <a:t>Indsæt overskrift</a:t>
            </a:r>
            <a:endParaRPr lang="da-DK" dirty="0"/>
          </a:p>
        </p:txBody>
      </p:sp>
      <p:sp>
        <p:nvSpPr>
          <p:cNvPr id="3" name="Date_DateCustomB"/>
          <p:cNvSpPr>
            <a:spLocks noGrp="1"/>
          </p:cNvSpPr>
          <p:nvPr>
            <p:ph type="subTitle" idx="1" hasCustomPrompt="1"/>
          </p:nvPr>
        </p:nvSpPr>
        <p:spPr>
          <a:xfrm>
            <a:off x="6076275" y="5639100"/>
            <a:ext cx="1648000" cy="178564"/>
          </a:xfrm>
        </p:spPr>
        <p:txBody>
          <a:bodyPr lIns="252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2pPr>
            <a:lvl3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3pPr>
            <a:lvl4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4pPr>
            <a:lvl5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5pPr>
            <a:lvl6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6pPr>
            <a:lvl7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7pPr>
            <a:lvl8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8pPr>
            <a:lvl9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9pPr>
          </a:lstStyle>
          <a:p>
            <a:r>
              <a:t>18 marts 2018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18-03-2018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946C274-2DE3-4F70-947D-5ACD040E202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724275" y="5639101"/>
            <a:ext cx="4248650" cy="4013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300"/>
            </a:lvl1pPr>
            <a:lvl2pPr marL="0" indent="0">
              <a:lnSpc>
                <a:spcPct val="100000"/>
              </a:lnSpc>
              <a:buNone/>
              <a:defRPr sz="1300"/>
            </a:lvl2pPr>
            <a:lvl3pPr marL="0" indent="0">
              <a:lnSpc>
                <a:spcPct val="100000"/>
              </a:lnSpc>
              <a:buNone/>
              <a:defRPr sz="1300"/>
            </a:lvl3pPr>
            <a:lvl4pPr marL="0" indent="0">
              <a:lnSpc>
                <a:spcPct val="100000"/>
              </a:lnSpc>
              <a:buNone/>
              <a:defRPr sz="1300"/>
            </a:lvl4pPr>
            <a:lvl5pPr marL="0" indent="0">
              <a:lnSpc>
                <a:spcPct val="100000"/>
              </a:lnSpc>
              <a:buNone/>
              <a:defRPr sz="1300"/>
            </a:lvl5pPr>
          </a:lstStyle>
          <a:p>
            <a:pPr lvl="0"/>
            <a:r>
              <a:rPr lang="da-DK"/>
              <a:t>Navn</a:t>
            </a:r>
            <a:endParaRPr lang="da-DK" dirty="0"/>
          </a:p>
        </p:txBody>
      </p:sp>
      <p:pic>
        <p:nvPicPr>
          <p:cNvPr id="1161609244" name="Logo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82000" y="432000"/>
            <a:ext cx="1872000" cy="943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4100623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36">
          <p15:clr>
            <a:srgbClr val="000000"/>
          </p15:clr>
        </p15:guide>
        <p15:guide id="2" pos="7542">
          <p15:clr>
            <a:srgbClr val="000000"/>
          </p15:clr>
        </p15:guide>
        <p15:guide id="3" orient="horz" pos="4183">
          <p15:clr>
            <a:srgbClr val="00000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, tre f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hidden="1">
            <a:extLst>
              <a:ext uri="{FF2B5EF4-FFF2-40B4-BE49-F238E27FC236}">
                <a16:creationId xmlns:a16="http://schemas.microsoft.com/office/drawing/2014/main" id="{565D5141-D8C5-47AB-9079-5BF0068C3B8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FDE40A5B-2484-4EA5-8B58-8058FD0355E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216000"/>
            <a:ext cx="7308000" cy="2700000"/>
          </a:xfrm>
          <a:solidFill>
            <a:srgbClr val="D2D2D1"/>
          </a:solidFill>
        </p:spPr>
        <p:txBody>
          <a:bodyPr lIns="72000" tIns="72000" rIns="3672000"/>
          <a:lstStyle>
            <a:lvl1pPr marL="0" indent="0" algn="l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9">
            <a:extLst>
              <a:ext uri="{FF2B5EF4-FFF2-40B4-BE49-F238E27FC236}">
                <a16:creationId xmlns:a16="http://schemas.microsoft.com/office/drawing/2014/main" id="{C6BB9D91-D4DD-4A57-A645-9476A89F8A22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3024000"/>
            <a:ext cx="7308000" cy="3618000"/>
          </a:xfrm>
          <a:solidFill>
            <a:srgbClr val="D2D2D1"/>
          </a:solidFill>
        </p:spPr>
        <p:txBody>
          <a:bodyPr lIns="72000" tIns="72000" rIns="3672000"/>
          <a:lstStyle>
            <a:lvl1pPr marL="0" indent="0" algn="l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9">
            <a:extLst>
              <a:ext uri="{FF2B5EF4-FFF2-40B4-BE49-F238E27FC236}">
                <a16:creationId xmlns:a16="http://schemas.microsoft.com/office/drawing/2014/main" id="{E270AFB2-B263-4F6A-9E9B-8C91DB6C854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19600" y="216000"/>
            <a:ext cx="4554000" cy="6426000"/>
          </a:xfrm>
          <a:solidFill>
            <a:srgbClr val="D2D2D1"/>
          </a:solidFill>
        </p:spPr>
        <p:txBody>
          <a:bodyPr lIns="72000" tIns="72000" rIns="2376000" bIns="0"/>
          <a:lstStyle>
            <a:lvl1pPr marL="0" marR="0" indent="0" algn="l" defTabSz="914400" rtl="0" eaLnBrk="1" fontAlgn="auto" latinLnBrk="0" hangingPunct="1">
              <a:lnSpc>
                <a:spcPct val="91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76274" y="4296270"/>
            <a:ext cx="5896651" cy="1744148"/>
          </a:xfrm>
          <a:solidFill>
            <a:schemeClr val="bg1"/>
          </a:solidFill>
        </p:spPr>
        <p:txBody>
          <a:bodyPr wrap="square" lIns="252000" tIns="180000" rIns="504000" bIns="450000" anchor="b">
            <a:spAutoFit/>
          </a:bodyPr>
          <a:lstStyle>
            <a:lvl1pPr algn="l">
              <a:lnSpc>
                <a:spcPct val="90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/>
              <a:t>Indsæt overskrift</a:t>
            </a:r>
          </a:p>
        </p:txBody>
      </p:sp>
      <p:sp>
        <p:nvSpPr>
          <p:cNvPr id="3" name="Date_DateCustomB"/>
          <p:cNvSpPr>
            <a:spLocks noGrp="1"/>
          </p:cNvSpPr>
          <p:nvPr>
            <p:ph type="subTitle" idx="1" hasCustomPrompt="1"/>
          </p:nvPr>
        </p:nvSpPr>
        <p:spPr>
          <a:xfrm>
            <a:off x="6076275" y="5639100"/>
            <a:ext cx="1648000" cy="178564"/>
          </a:xfrm>
        </p:spPr>
        <p:txBody>
          <a:bodyPr lIns="252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2pPr>
            <a:lvl3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3pPr>
            <a:lvl4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4pPr>
            <a:lvl5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5pPr>
            <a:lvl6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6pPr>
            <a:lvl7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7pPr>
            <a:lvl8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8pPr>
            <a:lvl9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9pPr>
          </a:lstStyle>
          <a:p>
            <a:r>
              <a:rPr lang="da-DK"/>
              <a:t>18 marts 2018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/>
              <a:t>18-03-2018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946C274-2DE3-4F70-947D-5ACD040E202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724275" y="5639101"/>
            <a:ext cx="4248650" cy="4013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300"/>
            </a:lvl1pPr>
            <a:lvl2pPr marL="0" indent="0">
              <a:lnSpc>
                <a:spcPct val="100000"/>
              </a:lnSpc>
              <a:buNone/>
              <a:defRPr sz="1300"/>
            </a:lvl2pPr>
            <a:lvl3pPr marL="0" indent="0">
              <a:lnSpc>
                <a:spcPct val="100000"/>
              </a:lnSpc>
              <a:buNone/>
              <a:defRPr sz="1300"/>
            </a:lvl3pPr>
            <a:lvl4pPr marL="0" indent="0">
              <a:lnSpc>
                <a:spcPct val="100000"/>
              </a:lnSpc>
              <a:buNone/>
              <a:defRPr sz="1300"/>
            </a:lvl4pPr>
            <a:lvl5pPr marL="0" indent="0">
              <a:lnSpc>
                <a:spcPct val="100000"/>
              </a:lnSpc>
              <a:buNone/>
              <a:defRPr sz="1300"/>
            </a:lvl5pPr>
          </a:lstStyle>
          <a:p>
            <a:pPr lvl="0"/>
            <a:r>
              <a:rPr lang="da-DK"/>
              <a:t>Navn</a:t>
            </a:r>
          </a:p>
        </p:txBody>
      </p:sp>
      <p:pic>
        <p:nvPicPr>
          <p:cNvPr id="1494711457" name="Logo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82000" y="432000"/>
            <a:ext cx="1872000" cy="943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4602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36">
          <p15:clr>
            <a:srgbClr val="000000"/>
          </p15:clr>
        </p15:guide>
        <p15:guide id="2" pos="7542">
          <p15:clr>
            <a:srgbClr val="000000"/>
          </p15:clr>
        </p15:guide>
        <p15:guide id="3" orient="horz" pos="4183">
          <p15:clr>
            <a:srgbClr val="000000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, ét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hidden="1">
            <a:extLst>
              <a:ext uri="{FF2B5EF4-FFF2-40B4-BE49-F238E27FC236}">
                <a16:creationId xmlns:a16="http://schemas.microsoft.com/office/drawing/2014/main" id="{565D5141-D8C5-47AB-9079-5BF0068C3B8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FDE40A5B-2484-4EA5-8B58-8058FD0355E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1" y="216000"/>
            <a:ext cx="11972925" cy="6426000"/>
          </a:xfrm>
          <a:solidFill>
            <a:srgbClr val="D2D2D1"/>
          </a:solidFill>
        </p:spPr>
        <p:txBody>
          <a:bodyPr lIns="72000" tIns="72000" rIns="7200000"/>
          <a:lstStyle>
            <a:lvl1pPr marL="0" indent="0" algn="l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76274" y="4296270"/>
            <a:ext cx="5896651" cy="1744148"/>
          </a:xfrm>
          <a:solidFill>
            <a:schemeClr val="bg1"/>
          </a:solidFill>
        </p:spPr>
        <p:txBody>
          <a:bodyPr wrap="square" lIns="252000" tIns="180000" rIns="504000" bIns="450000" anchor="b">
            <a:spAutoFit/>
          </a:bodyPr>
          <a:lstStyle>
            <a:lvl1pPr algn="l">
              <a:lnSpc>
                <a:spcPct val="90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/>
              <a:t>Indsæt overskrift</a:t>
            </a:r>
          </a:p>
        </p:txBody>
      </p:sp>
      <p:sp>
        <p:nvSpPr>
          <p:cNvPr id="3" name="Date_DateCustomB"/>
          <p:cNvSpPr>
            <a:spLocks noGrp="1"/>
          </p:cNvSpPr>
          <p:nvPr>
            <p:ph type="subTitle" idx="1" hasCustomPrompt="1"/>
          </p:nvPr>
        </p:nvSpPr>
        <p:spPr>
          <a:xfrm>
            <a:off x="6076275" y="5639100"/>
            <a:ext cx="1648000" cy="178564"/>
          </a:xfrm>
        </p:spPr>
        <p:txBody>
          <a:bodyPr lIns="252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2pPr>
            <a:lvl3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3pPr>
            <a:lvl4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4pPr>
            <a:lvl5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5pPr>
            <a:lvl6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6pPr>
            <a:lvl7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7pPr>
            <a:lvl8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8pPr>
            <a:lvl9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9pPr>
          </a:lstStyle>
          <a:p>
            <a:r>
              <a:t>18 marts 2018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/>
              <a:t>18-03-2018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946C274-2DE3-4F70-947D-5ACD040E202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724275" y="5639101"/>
            <a:ext cx="4248650" cy="4013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300"/>
            </a:lvl1pPr>
            <a:lvl2pPr marL="0" indent="0">
              <a:lnSpc>
                <a:spcPct val="100000"/>
              </a:lnSpc>
              <a:buNone/>
              <a:defRPr sz="1300"/>
            </a:lvl2pPr>
            <a:lvl3pPr marL="0" indent="0">
              <a:lnSpc>
                <a:spcPct val="100000"/>
              </a:lnSpc>
              <a:buNone/>
              <a:defRPr sz="1300"/>
            </a:lvl3pPr>
            <a:lvl4pPr marL="0" indent="0">
              <a:lnSpc>
                <a:spcPct val="100000"/>
              </a:lnSpc>
              <a:buNone/>
              <a:defRPr sz="1300"/>
            </a:lvl4pPr>
            <a:lvl5pPr marL="0" indent="0">
              <a:lnSpc>
                <a:spcPct val="100000"/>
              </a:lnSpc>
              <a:buNone/>
              <a:defRPr sz="1300"/>
            </a:lvl5pPr>
          </a:lstStyle>
          <a:p>
            <a:pPr lvl="0"/>
            <a:r>
              <a:rPr lang="da-DK"/>
              <a:t>Navn</a:t>
            </a:r>
          </a:p>
        </p:txBody>
      </p:sp>
      <p:pic>
        <p:nvPicPr>
          <p:cNvPr id="1161609244" name="Logo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82000" y="432000"/>
            <a:ext cx="1872000" cy="943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009919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36">
          <p15:clr>
            <a:srgbClr val="000000"/>
          </p15:clr>
        </p15:guide>
        <p15:guide id="2" pos="7542">
          <p15:clr>
            <a:srgbClr val="000000"/>
          </p15:clr>
        </p15:guide>
        <p15:guide id="3" orient="horz" pos="4183">
          <p15:clr>
            <a:srgbClr val="000000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1114425"/>
            <a:ext cx="10749600" cy="5202000"/>
          </a:xfrm>
        </p:spPr>
        <p:txBody>
          <a:bodyPr rIns="3333600"/>
          <a:lstStyle>
            <a:lvl1pPr>
              <a:defRPr/>
            </a:lvl1pPr>
          </a:lstStyle>
          <a:p>
            <a:pPr lvl="0"/>
            <a:r>
              <a:rPr lang="da-DK"/>
              <a:t>Klik her for at tilføje tekst, tabel, graf, foto eller </a:t>
            </a:r>
            <a:r>
              <a:rPr lang="da-DK" err="1"/>
              <a:t>SmartArt</a:t>
            </a:r>
            <a:endParaRPr lang="da-DK"/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 marts 2018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625508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11" name="Pladsholder til indhold 10">
            <a:extLst>
              <a:ext uri="{FF2B5EF4-FFF2-40B4-BE49-F238E27FC236}">
                <a16:creationId xmlns:a16="http://schemas.microsoft.com/office/drawing/2014/main" id="{12EC4DD9-1FE3-46F6-AC73-361DAA6BEE6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720000" y="1116013"/>
            <a:ext cx="5194800" cy="52019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, tabel, graf, foto eller SmartAr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 marts 2018</a:t>
            </a:r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/>
          </a:p>
        </p:txBody>
      </p:sp>
      <p:sp>
        <p:nvSpPr>
          <p:cNvPr id="13" name="Pladsholder til indhold 12">
            <a:extLst>
              <a:ext uri="{FF2B5EF4-FFF2-40B4-BE49-F238E27FC236}">
                <a16:creationId xmlns:a16="http://schemas.microsoft.com/office/drawing/2014/main" id="{D26938D7-5F77-4B47-9F62-7BE8C8E6648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74801" y="1116012"/>
            <a:ext cx="5194799" cy="52019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, tabel, graf, foto eller SmartAr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55026953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spalter tekst og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1" y="1114425"/>
            <a:ext cx="3343999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4363" y="1114425"/>
            <a:ext cx="3340100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0953736-C736-44D1-A7CF-23887B72437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1114425"/>
            <a:ext cx="3343274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2808000"/>
            <a:ext cx="12192000" cy="4050000"/>
          </a:xfrm>
          <a:solidFill>
            <a:srgbClr val="D2D2D1"/>
          </a:solidFill>
        </p:spPr>
        <p:txBody>
          <a:bodyPr lIns="720000" tIns="72000" rIns="7200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5141547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spalter tekst og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1" y="1114425"/>
            <a:ext cx="5193437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273800" y="1114425"/>
            <a:ext cx="5194299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2808000"/>
            <a:ext cx="12192000" cy="4050000"/>
          </a:xfrm>
          <a:solidFill>
            <a:srgbClr val="D2D2D1"/>
          </a:solidFill>
        </p:spPr>
        <p:txBody>
          <a:bodyPr lIns="720000" tIns="72000" rIns="7200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8537785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25">
          <p15:clr>
            <a:srgbClr val="000000"/>
          </p15:clr>
        </p15:guide>
        <p15:guide id="2" pos="3952">
          <p15:clr>
            <a:srgbClr val="000000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1114425"/>
            <a:ext cx="7416000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2808000"/>
            <a:ext cx="12192000" cy="4050000"/>
          </a:xfrm>
          <a:solidFill>
            <a:srgbClr val="D2D2D1"/>
          </a:solidFill>
        </p:spPr>
        <p:txBody>
          <a:bodyPr lIns="720000" tIns="72000" rIns="7200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6928786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125">
          <p15:clr>
            <a:srgbClr val="000000"/>
          </p15:clr>
        </p15:guide>
      </p15:sldGuideLst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tre f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1C2C8A-42F4-4938-8FA8-FC7F4CCD454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EED141-840B-481C-8137-24D55D0DA4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5F7CCE3-1AC8-4D5E-A746-0B13AC0153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85A89E-2BC8-451D-8D63-7625A884E3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A42D9212-953F-4E1B-A067-97CD65B2C8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1116014"/>
            <a:ext cx="7416000" cy="1924008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16C990-FCEC-43DA-8F12-6B4974E1DC3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3240975"/>
            <a:ext cx="3348000" cy="3060000"/>
          </a:xfrm>
          <a:solidFill>
            <a:srgbClr val="D2D2D1"/>
          </a:solidFill>
        </p:spPr>
        <p:txBody>
          <a:bodyPr lIns="720000" tIns="72000" rIns="144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E39398D9-1006-4B43-BE69-8746DDE1CF1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456000" y="3240975"/>
            <a:ext cx="3348000" cy="3060000"/>
          </a:xfrm>
          <a:solidFill>
            <a:srgbClr val="D2D2D1"/>
          </a:solidFill>
        </p:spPr>
        <p:txBody>
          <a:bodyPr lIns="72000" tIns="72000" rIns="720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2C053F1C-8F00-4EAF-A092-0ADBD4B1D2B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912000" y="3240975"/>
            <a:ext cx="5280000" cy="3060000"/>
          </a:xfrm>
          <a:solidFill>
            <a:srgbClr val="D2D2D1"/>
          </a:solidFill>
        </p:spPr>
        <p:txBody>
          <a:bodyPr lIns="72000" tIns="72000" rIns="2628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</p:spTree>
    <p:extLst>
      <p:ext uri="{BB962C8B-B14F-4D97-AF65-F5344CB8AC3E}">
        <p14:creationId xmlns:p14="http://schemas.microsoft.com/office/powerpoint/2010/main" val="12794305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125">
          <p15:clr>
            <a:srgbClr val="000000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1C2C8A-42F4-4938-8FA8-FC7F4CCD454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EED141-840B-481C-8137-24D55D0DA4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5F7CCE3-1AC8-4D5E-A746-0B13AC0153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85A89E-2BC8-451D-8D63-7625A884E3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16C990-FCEC-43DA-8F12-6B4974E1DC3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1152000"/>
            <a:ext cx="3348000" cy="3060000"/>
          </a:xfrm>
          <a:solidFill>
            <a:srgbClr val="D2D2D1"/>
          </a:solidFill>
        </p:spPr>
        <p:txBody>
          <a:bodyPr lIns="720000" tIns="72000" rIns="108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E39398D9-1006-4B43-BE69-8746DDE1CF1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456000" y="1152000"/>
            <a:ext cx="3348000" cy="3060000"/>
          </a:xfrm>
          <a:solidFill>
            <a:srgbClr val="D2D2D1"/>
          </a:solidFill>
        </p:spPr>
        <p:txBody>
          <a:bodyPr lIns="72000" tIns="72000" rIns="720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2C053F1C-8F00-4EAF-A092-0ADBD4B1D2B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912000" y="1152000"/>
            <a:ext cx="5280000" cy="3060000"/>
          </a:xfrm>
          <a:solidFill>
            <a:srgbClr val="D2D2D1"/>
          </a:solidFill>
        </p:spPr>
        <p:txBody>
          <a:bodyPr lIns="72000" tIns="72000" rIns="2628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ED8BB77A-857B-40DC-AA62-174BCCB91F0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4564800"/>
            <a:ext cx="7416000" cy="1743925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6306277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125">
          <p15:clr>
            <a:srgbClr val="000000"/>
          </p15:clr>
        </p15:guide>
      </p15:sldGuideLst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 og tre spalter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1C2C8A-42F4-4938-8FA8-FC7F4CCD454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EED141-840B-481C-8137-24D55D0DA4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5F7CCE3-1AC8-4D5E-A746-0B13AC0153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85A89E-2BC8-451D-8D63-7625A884E3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A42D9212-953F-4E1B-A067-97CD65B2C8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4564104"/>
            <a:ext cx="3600000" cy="1744621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16C990-FCEC-43DA-8F12-6B4974E1DC3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1152000"/>
            <a:ext cx="4320000" cy="3060000"/>
          </a:xfrm>
          <a:solidFill>
            <a:srgbClr val="D2D2D1"/>
          </a:solidFill>
        </p:spPr>
        <p:txBody>
          <a:bodyPr lIns="720000" tIns="72000" rIns="108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E39398D9-1006-4B43-BE69-8746DDE1CF1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428000" y="1152000"/>
            <a:ext cx="3600000" cy="3060000"/>
          </a:xfrm>
          <a:solidFill>
            <a:srgbClr val="D2D2D1"/>
          </a:solidFill>
        </p:spPr>
        <p:txBody>
          <a:bodyPr lIns="72000" tIns="72000" rIns="108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2C053F1C-8F00-4EAF-A092-0ADBD4B1D2B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136000" y="1152000"/>
            <a:ext cx="4056000" cy="3060000"/>
          </a:xfrm>
          <a:solidFill>
            <a:srgbClr val="D2D2D1"/>
          </a:solidFill>
        </p:spPr>
        <p:txBody>
          <a:bodyPr lIns="72000" tIns="72000" rIns="108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1928B4F0-6BC6-4F8E-AF2F-E2A2B8E64F2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428000" y="4564103"/>
            <a:ext cx="3599988" cy="1744621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E3FFE620-AA02-415F-8A5B-1B6573466C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35988" y="4564103"/>
            <a:ext cx="3332112" cy="1744622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953065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125">
          <p15:clr>
            <a:srgbClr val="000000"/>
          </p15:clr>
        </p15:guide>
        <p15:guide id="2" pos="2721">
          <p15:clr>
            <a:srgbClr val="000000"/>
          </p15:clr>
        </p15:guide>
        <p15:guide id="3" pos="2789">
          <p15:clr>
            <a:srgbClr val="000000"/>
          </p15:clr>
        </p15:guide>
        <p15:guide id="4" pos="5057">
          <p15:clr>
            <a:srgbClr val="00000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1114425"/>
            <a:ext cx="10749600" cy="5202000"/>
          </a:xfrm>
        </p:spPr>
        <p:txBody>
          <a:bodyPr rIns="33336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, tabel, graf, foto eller </a:t>
            </a:r>
            <a:r>
              <a:rPr lang="da-DK" dirty="0" err="1"/>
              <a:t>SmartArt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 marts 2018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foto i højre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8104" y="522820"/>
            <a:ext cx="7066359" cy="591605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kort overskrift</a:t>
            </a:r>
            <a:endParaRPr lang="da-DK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20001" y="1114425"/>
            <a:ext cx="7044462" cy="51943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124826" y="0"/>
            <a:ext cx="4067174" cy="6858000"/>
          </a:xfrm>
          <a:solidFill>
            <a:srgbClr val="D2D2D1"/>
          </a:solidFill>
        </p:spPr>
        <p:txBody>
          <a:bodyPr lIns="108000" tIns="108000" rIns="540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173627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to i venstre side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401741" y="515939"/>
            <a:ext cx="7092000" cy="1292748"/>
          </a:xfrm>
        </p:spPr>
        <p:txBody>
          <a:bodyPr anchor="b" anchorCtr="0"/>
          <a:lstStyle>
            <a:lvl1pPr>
              <a:defRPr sz="3000" b="1" i="0" cap="none" baseline="0">
                <a:solidFill>
                  <a:schemeClr val="accent3"/>
                </a:solidFill>
              </a:defRPr>
            </a:lvl1pPr>
          </a:lstStyle>
          <a:p>
            <a:r>
              <a:rPr lang="da-DK" noProof="0"/>
              <a:t>Klik og tilføj overskrift</a:t>
            </a:r>
            <a:endParaRPr lang="da-DK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427999" y="1971640"/>
            <a:ext cx="7065741" cy="4337085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-3174" y="0"/>
            <a:ext cx="4067174" cy="6858000"/>
          </a:xfrm>
          <a:solidFill>
            <a:srgbClr val="D2D2D1"/>
          </a:solidFill>
        </p:spPr>
        <p:txBody>
          <a:bodyPr lIns="108000" tIns="108000" rIns="540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372971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kon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401741" y="515939"/>
            <a:ext cx="7066359" cy="1292748"/>
          </a:xfrm>
        </p:spPr>
        <p:txBody>
          <a:bodyPr anchor="b" anchorCtr="0"/>
          <a:lstStyle>
            <a:lvl1pPr>
              <a:defRPr sz="3000" b="1" i="0" cap="none" baseline="0">
                <a:solidFill>
                  <a:schemeClr val="accent3"/>
                </a:solidFill>
              </a:defRPr>
            </a:lvl1pPr>
          </a:lstStyle>
          <a:p>
            <a:r>
              <a:rPr lang="da-DK" noProof="0"/>
              <a:t>Klik og tilføj overskrift</a:t>
            </a:r>
            <a:endParaRPr lang="da-DK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428000" y="1971640"/>
            <a:ext cx="7040100" cy="4337085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ADFCF66-F6B8-4250-828A-6A3300136D49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15962" y="3235324"/>
            <a:ext cx="3348037" cy="3073401"/>
          </a:xfrm>
        </p:spPr>
        <p:txBody>
          <a:bodyPr/>
          <a:lstStyle>
            <a:lvl1pPr marL="0" indent="0" algn="ctr">
              <a:lnSpc>
                <a:spcPct val="100000"/>
              </a:lnSpc>
              <a:buFontTx/>
              <a:buNone/>
              <a:defRPr sz="1800" b="1"/>
            </a:lvl1pPr>
            <a:lvl2pPr marL="180000">
              <a:lnSpc>
                <a:spcPct val="100000"/>
              </a:lnSpc>
              <a:spcBef>
                <a:spcPts val="1200"/>
              </a:spcBef>
              <a:defRPr/>
            </a:lvl2pPr>
            <a:lvl3pPr marL="360000">
              <a:lnSpc>
                <a:spcPct val="100000"/>
              </a:lnSpc>
              <a:defRPr/>
            </a:lvl3pPr>
            <a:lvl4pPr marL="360000">
              <a:lnSpc>
                <a:spcPct val="100000"/>
              </a:lnSpc>
              <a:defRPr/>
            </a:lvl4pPr>
            <a:lvl5pPr marL="360000">
              <a:lnSpc>
                <a:spcPct val="100000"/>
              </a:lnSpc>
              <a:defRPr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88ACB3D8-AF09-437B-BC62-6F53FB2B579B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1505243" y="1998398"/>
            <a:ext cx="1786598" cy="1099097"/>
          </a:xfrm>
          <a:noFill/>
        </p:spPr>
        <p:txBody>
          <a:bodyPr lIns="0" tIns="36000" rIns="0" bIns="306000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ikon via Skyfish-ikonet. Klik derefter på Billedværktøj og vælg Tilpas (Fit)</a:t>
            </a:r>
          </a:p>
        </p:txBody>
      </p:sp>
    </p:spTree>
    <p:extLst>
      <p:ext uri="{BB962C8B-B14F-4D97-AF65-F5344CB8AC3E}">
        <p14:creationId xmlns:p14="http://schemas.microsoft.com/office/powerpoint/2010/main" val="24062673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ik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8104" y="522820"/>
            <a:ext cx="7066359" cy="591605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kort overskrift</a:t>
            </a:r>
            <a:endParaRPr lang="da-DK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20001" y="1114425"/>
            <a:ext cx="7044462" cy="51943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D8835F6-1C42-4B69-8EAA-7E213AF61F4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4826" y="0"/>
            <a:ext cx="4067174" cy="6857999"/>
          </a:xfrm>
          <a:solidFill>
            <a:srgbClr val="3F606E"/>
          </a:solidFill>
        </p:spPr>
        <p:txBody>
          <a:bodyPr lIns="720000" tIns="3276000" rIns="720000" bIns="720000"/>
          <a:lstStyle>
            <a:lvl1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1pPr>
            <a:lvl2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2pPr>
            <a:lvl3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3pPr>
            <a:lvl4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4pPr>
            <a:lvl5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her for at tilføje tekst. Bundfarve ændres via Fyldfarve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C3FC06D8-7CDB-4C60-8DF8-40C596DADEFD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8848725" y="1422399"/>
            <a:ext cx="2619375" cy="1611413"/>
          </a:xfrm>
          <a:noFill/>
        </p:spPr>
        <p:txBody>
          <a:bodyPr lIns="36000" tIns="36000" rIns="0" bIns="0"/>
          <a:lstStyle>
            <a:lvl1pPr marL="0" indent="0">
              <a:buNone/>
              <a:defRPr sz="1100">
                <a:solidFill>
                  <a:schemeClr val="bg1"/>
                </a:solidFill>
              </a:defRPr>
            </a:lvl1pPr>
          </a:lstStyle>
          <a:p>
            <a:r>
              <a:rPr lang="da-DK"/>
              <a:t>Klik på denne pladsholder og indsæt ikon via Skyfish-ikonet. Klik derefter på Billedværktøj under Sund &amp; Bælt fanen og vælg Tilpas (Fit)</a:t>
            </a:r>
          </a:p>
        </p:txBody>
      </p:sp>
    </p:spTree>
    <p:extLst>
      <p:ext uri="{BB962C8B-B14F-4D97-AF65-F5344CB8AC3E}">
        <p14:creationId xmlns:p14="http://schemas.microsoft.com/office/powerpoint/2010/main" val="299102616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foto (evt. cita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D8835F6-1C42-4B69-8EAA-7E213AF61F4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4826" y="0"/>
            <a:ext cx="4067174" cy="6857999"/>
          </a:xfrm>
          <a:solidFill>
            <a:srgbClr val="3F606E"/>
          </a:solidFill>
        </p:spPr>
        <p:txBody>
          <a:bodyPr lIns="720000" tIns="3276000" rIns="720000" bIns="720000"/>
          <a:lstStyle>
            <a:lvl1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2pPr>
            <a:lvl3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3pPr>
            <a:lvl4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4pPr>
            <a:lvl5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her for at tilføje tekst. Bundfarve ændres via Fyldfarve.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8104" y="522820"/>
            <a:ext cx="7066359" cy="591605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kort overskrift</a:t>
            </a:r>
            <a:endParaRPr lang="da-DK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20001" y="1114425"/>
            <a:ext cx="7044462" cy="51943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1DE4206E-8096-4614-AC97-2FD35E363477}"/>
              </a:ext>
            </a:extLst>
          </p:cNvPr>
          <p:cNvSpPr>
            <a:spLocks noGrp="1" noChangeAspect="1"/>
          </p:cNvSpPr>
          <p:nvPr>
            <p:ph type="pic" sz="quarter" idx="19" hasCustomPrompt="1"/>
          </p:nvPr>
        </p:nvSpPr>
        <p:spPr>
          <a:xfrm>
            <a:off x="9381067" y="1603022"/>
            <a:ext cx="1476000" cy="1476000"/>
          </a:xfrm>
          <a:prstGeom prst="ellipse">
            <a:avLst/>
          </a:prstGeom>
          <a:solidFill>
            <a:schemeClr val="bg1"/>
          </a:solidFill>
        </p:spPr>
        <p:txBody>
          <a:bodyPr wrap="square" tIns="0" bIns="1656000" anchor="b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050">
                <a:solidFill>
                  <a:schemeClr val="bg1"/>
                </a:solidFill>
              </a:defRPr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</p:spTree>
    <p:extLst>
      <p:ext uri="{BB962C8B-B14F-4D97-AF65-F5344CB8AC3E}">
        <p14:creationId xmlns:p14="http://schemas.microsoft.com/office/powerpoint/2010/main" val="129998773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 med b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3B9D57E2-52F8-49B2-98E1-F31E646426E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086069" y="1944000"/>
            <a:ext cx="2592000" cy="1440000"/>
          </a:xfrm>
          <a:solidFill>
            <a:srgbClr val="D2D2D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4" name="Picture Placeholder 8">
            <a:extLst>
              <a:ext uri="{FF2B5EF4-FFF2-40B4-BE49-F238E27FC236}">
                <a16:creationId xmlns:a16="http://schemas.microsoft.com/office/drawing/2014/main" id="{D6367E47-1CB4-4BE8-8171-5F96EBA71DB7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785624" y="1944000"/>
            <a:ext cx="2592000" cy="1440000"/>
          </a:xfrm>
          <a:solidFill>
            <a:srgbClr val="D2D2D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6" name="Picture Placeholder 8">
            <a:extLst>
              <a:ext uri="{FF2B5EF4-FFF2-40B4-BE49-F238E27FC236}">
                <a16:creationId xmlns:a16="http://schemas.microsoft.com/office/drawing/2014/main" id="{9FDC6911-9C60-4781-AA45-CFABE9A1A9E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485624" y="1944000"/>
            <a:ext cx="2592000" cy="1440000"/>
          </a:xfrm>
          <a:solidFill>
            <a:srgbClr val="D2D2D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4904724"/>
            <a:ext cx="12191999" cy="1953275"/>
          </a:xfrm>
          <a:solidFill>
            <a:srgbClr val="3F606E"/>
          </a:solidFill>
        </p:spPr>
        <p:txBody>
          <a:bodyPr lIns="720000" tIns="252000" rIns="8121600" bIns="43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her for at tilføje tekst. Bundfarve ændres via Fyldfarve.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4363" y="4904725"/>
            <a:ext cx="3340100" cy="1512000"/>
          </a:xfrm>
        </p:spPr>
        <p:txBody>
          <a:bodyPr tIns="25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0953736-C736-44D1-A7CF-23887B72437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4904725"/>
            <a:ext cx="3343274" cy="1512000"/>
          </a:xfrm>
        </p:spPr>
        <p:txBody>
          <a:bodyPr tIns="25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63B4B8E4-FA42-42E2-8CB3-A44D548016D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085975" y="3535424"/>
            <a:ext cx="2592388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34FEBCBF-CBFD-4C7D-B2EB-4AD665D79AE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786312" y="3535424"/>
            <a:ext cx="2591311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75CB69CF-17B6-4D34-9846-5EB86A2A7B6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485062" y="3535423"/>
            <a:ext cx="2592561" cy="648001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Tx/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FontTx/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FontTx/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FontTx/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FontTx/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536329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, bund og baggrund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41176D7A-C0A8-4793-8929-431E2C192700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-1" y="0"/>
            <a:ext cx="12191999" cy="4904723"/>
          </a:xfrm>
          <a:solidFill>
            <a:srgbClr val="D2D2D1"/>
          </a:solidFill>
        </p:spPr>
        <p:txBody>
          <a:bodyPr tIns="7200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da-DK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3B9D57E2-52F8-49B2-98E1-F31E646426E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086069" y="1944000"/>
            <a:ext cx="2592000" cy="1440000"/>
          </a:xfrm>
          <a:solidFill>
            <a:schemeClr val="bg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4" name="Picture Placeholder 8">
            <a:extLst>
              <a:ext uri="{FF2B5EF4-FFF2-40B4-BE49-F238E27FC236}">
                <a16:creationId xmlns:a16="http://schemas.microsoft.com/office/drawing/2014/main" id="{D6367E47-1CB4-4BE8-8171-5F96EBA71DB7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785624" y="1944000"/>
            <a:ext cx="2592000" cy="1440000"/>
          </a:xfrm>
          <a:solidFill>
            <a:schemeClr val="bg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6" name="Picture Placeholder 8">
            <a:extLst>
              <a:ext uri="{FF2B5EF4-FFF2-40B4-BE49-F238E27FC236}">
                <a16:creationId xmlns:a16="http://schemas.microsoft.com/office/drawing/2014/main" id="{9FDC6911-9C60-4781-AA45-CFABE9A1A9E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485624" y="1944000"/>
            <a:ext cx="2592000" cy="1440000"/>
          </a:xfrm>
          <a:solidFill>
            <a:schemeClr val="bg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4904724"/>
            <a:ext cx="12191999" cy="1953275"/>
          </a:xfrm>
          <a:solidFill>
            <a:srgbClr val="3F606E"/>
          </a:solidFill>
        </p:spPr>
        <p:txBody>
          <a:bodyPr lIns="720000" tIns="252000" rIns="8121600" bIns="43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/>
              <a:t>Klik her for at tilføje tekst. Bundfarve ændres via Fyldfarve.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4363" y="4904725"/>
            <a:ext cx="3340100" cy="1512000"/>
          </a:xfrm>
        </p:spPr>
        <p:txBody>
          <a:bodyPr tIns="25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/>
              <a:t>Klik her for at tilføje tekst, bundfarve ændres via Fyldfarv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0953736-C736-44D1-A7CF-23887B72437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4904725"/>
            <a:ext cx="3343274" cy="1512000"/>
          </a:xfrm>
        </p:spPr>
        <p:txBody>
          <a:bodyPr tIns="25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/>
              <a:t>Klik her for at tilføje tekst, bundfarve ændres via Fyldfarv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63B4B8E4-FA42-42E2-8CB3-A44D548016D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085975" y="3535424"/>
            <a:ext cx="2592388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34FEBCBF-CBFD-4C7D-B2EB-4AD665D79AE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786312" y="3535424"/>
            <a:ext cx="2591311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75CB69CF-17B6-4D34-9846-5EB86A2A7B6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485062" y="3535423"/>
            <a:ext cx="2592561" cy="648001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Tx/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FontTx/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FontTx/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FontTx/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FontTx/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9723126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med b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icture Placeholder 8">
            <a:extLst>
              <a:ext uri="{FF2B5EF4-FFF2-40B4-BE49-F238E27FC236}">
                <a16:creationId xmlns:a16="http://schemas.microsoft.com/office/drawing/2014/main" id="{7CC9ED2E-7603-4D4B-9B08-566DE3253743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294369" y="1944000"/>
            <a:ext cx="1980000" cy="1440000"/>
          </a:xfrm>
          <a:noFill/>
        </p:spPr>
        <p:txBody>
          <a:bodyPr lIns="0" tIns="0" rIns="0" bIns="3096000"/>
          <a:lstStyle>
            <a:lvl1pPr marL="0" indent="0">
              <a:buNone/>
              <a:defRPr sz="1100"/>
            </a:lvl1pPr>
          </a:lstStyle>
          <a:p>
            <a:r>
              <a:rPr lang="da-DK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4" name="Picture Placeholder 8">
            <a:extLst>
              <a:ext uri="{FF2B5EF4-FFF2-40B4-BE49-F238E27FC236}">
                <a16:creationId xmlns:a16="http://schemas.microsoft.com/office/drawing/2014/main" id="{CA88D72C-D6F4-4485-8A30-9D9CF4255AEB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5125579" y="1944000"/>
            <a:ext cx="1980000" cy="1440000"/>
          </a:xfrm>
          <a:noFill/>
        </p:spPr>
        <p:txBody>
          <a:bodyPr lIns="0" tIns="0" rIns="0" bIns="3096000"/>
          <a:lstStyle>
            <a:lvl1pPr marL="0" indent="0">
              <a:buNone/>
              <a:defRPr sz="1100"/>
            </a:lvl1pPr>
          </a:lstStyle>
          <a:p>
            <a:r>
              <a:rPr lang="da-DK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5" name="Picture Placeholder 8">
            <a:extLst>
              <a:ext uri="{FF2B5EF4-FFF2-40B4-BE49-F238E27FC236}">
                <a16:creationId xmlns:a16="http://schemas.microsoft.com/office/drawing/2014/main" id="{ECC72F42-8AD5-4874-93E7-B3F6B22E8B53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938099" y="1944000"/>
            <a:ext cx="1980001" cy="1440000"/>
          </a:xfrm>
          <a:noFill/>
        </p:spPr>
        <p:txBody>
          <a:bodyPr lIns="0" tIns="0" rIns="0" bIns="3096000"/>
          <a:lstStyle>
            <a:lvl1pPr marL="0" indent="0">
              <a:buNone/>
              <a:defRPr sz="1100"/>
            </a:lvl1pPr>
          </a:lstStyle>
          <a:p>
            <a:r>
              <a:rPr lang="da-DK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4904724"/>
            <a:ext cx="12191999" cy="1953275"/>
          </a:xfrm>
          <a:solidFill>
            <a:srgbClr val="3F606E"/>
          </a:solidFill>
        </p:spPr>
        <p:txBody>
          <a:bodyPr lIns="720000" tIns="252000" rIns="8121600" bIns="43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/>
              <a:t>Klik her for at tilføje tekst. Bundfarve ændres via Fyldfarve.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4363" y="4904725"/>
            <a:ext cx="3340100" cy="1512000"/>
          </a:xfrm>
        </p:spPr>
        <p:txBody>
          <a:bodyPr tIns="25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/>
              <a:t>Klik her for at tilføje tekst, bundfarve ændres via Fyldfarv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0953736-C736-44D1-A7CF-23887B72437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4904725"/>
            <a:ext cx="3343274" cy="1512000"/>
          </a:xfrm>
        </p:spPr>
        <p:txBody>
          <a:bodyPr tIns="252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/>
              <a:t>Klik her for at tilføje tekst, bundfarve ændres via Fyldfarv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63B4B8E4-FA42-42E2-8CB3-A44D548016D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006952" y="3533186"/>
            <a:ext cx="2592388" cy="84372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34FEBCBF-CBFD-4C7D-B2EB-4AD665D79AE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819924" y="3533186"/>
            <a:ext cx="2591311" cy="84372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1pPr>
            <a:lvl2pPr marL="0" indent="0" algn="ctr">
              <a:lnSpc>
                <a:spcPct val="100000"/>
              </a:lnSpc>
              <a:buNone/>
              <a:defRPr sz="18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75CB69CF-17B6-4D34-9846-5EB86A2A7B6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631819" y="3533185"/>
            <a:ext cx="2592561" cy="843729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Tx/>
              <a:buNone/>
              <a:defRPr sz="1800" b="1">
                <a:solidFill>
                  <a:schemeClr val="accent3"/>
                </a:solidFill>
              </a:defRPr>
            </a:lvl1pPr>
            <a:lvl2pPr marL="0" indent="0">
              <a:buFontTx/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FontTx/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FontTx/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FontTx/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409290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ikoner med baggrund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6EB6FA31-FD12-4A41-AC92-462018FFA8C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noFill/>
        </p:spPr>
        <p:txBody>
          <a:bodyPr lIns="72000" tIns="72000" rIns="72000"/>
          <a:lstStyle>
            <a:lvl1pPr marL="0" indent="0" algn="ctr">
              <a:buNone/>
              <a:defRPr sz="1400"/>
            </a:lvl1pPr>
          </a:lstStyle>
          <a:p>
            <a:r>
              <a:rPr lang="da-DK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FD4499A-714B-4DB4-A91D-06C0003BAC8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1404000" y="3942000"/>
            <a:ext cx="1584000" cy="2189516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8028BCD8-1FCD-4622-B5C1-29E48AC9717A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363383" y="3942000"/>
            <a:ext cx="1584000" cy="218733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21" name="Text Placeholder 20">
            <a:extLst>
              <a:ext uri="{FF2B5EF4-FFF2-40B4-BE49-F238E27FC236}">
                <a16:creationId xmlns:a16="http://schemas.microsoft.com/office/drawing/2014/main" id="{1AC1310B-CA97-4735-9EC5-C8875EC8B878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300188" y="3942000"/>
            <a:ext cx="1584000" cy="218733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2pPr>
            <a:lvl3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3pPr>
            <a:lvl4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4pPr>
            <a:lvl5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E6B84-2217-4E22-AE37-F650CFCA8FEF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246800" y="3940174"/>
            <a:ext cx="1584000" cy="2189164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25" name="Text Placeholder 24">
            <a:extLst>
              <a:ext uri="{FF2B5EF4-FFF2-40B4-BE49-F238E27FC236}">
                <a16:creationId xmlns:a16="http://schemas.microsoft.com/office/drawing/2014/main" id="{64565392-4852-47A4-B66A-29EDC115F123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198000" y="3942000"/>
            <a:ext cx="1584000" cy="218733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E9DE71C-2A7A-4170-87B9-8D837C5B88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3290259-5361-492F-9B0C-8BFDAABE0B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7ACDE5F-44D1-4A84-A613-4845D76243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6" name="Picture Placeholder 8">
            <a:extLst>
              <a:ext uri="{FF2B5EF4-FFF2-40B4-BE49-F238E27FC236}">
                <a16:creationId xmlns:a16="http://schemas.microsoft.com/office/drawing/2014/main" id="{6A43358C-B6F4-431E-B695-43B880B86088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1404000" y="2304000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da-DK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0" name="Picture Placeholder 8">
            <a:extLst>
              <a:ext uri="{FF2B5EF4-FFF2-40B4-BE49-F238E27FC236}">
                <a16:creationId xmlns:a16="http://schemas.microsoft.com/office/drawing/2014/main" id="{5B7D0282-6233-4EF2-90B1-7A03521BE8C7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363383" y="2304000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da-DK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2" name="Picture Placeholder 8">
            <a:extLst>
              <a:ext uri="{FF2B5EF4-FFF2-40B4-BE49-F238E27FC236}">
                <a16:creationId xmlns:a16="http://schemas.microsoft.com/office/drawing/2014/main" id="{F100A2DB-7282-4A10-952C-D9AE27531E99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5300188" y="2298158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da-DK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4" name="Picture Placeholder 8">
            <a:extLst>
              <a:ext uri="{FF2B5EF4-FFF2-40B4-BE49-F238E27FC236}">
                <a16:creationId xmlns:a16="http://schemas.microsoft.com/office/drawing/2014/main" id="{9EA03B0D-BB16-48EA-BDB6-175BCD6996DF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7248282" y="2298158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da-DK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33" name="Picture Placeholder 8">
            <a:extLst>
              <a:ext uri="{FF2B5EF4-FFF2-40B4-BE49-F238E27FC236}">
                <a16:creationId xmlns:a16="http://schemas.microsoft.com/office/drawing/2014/main" id="{689D88AB-0E47-4D3C-88AD-A10710CC47B5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9196376" y="2298158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da-DK"/>
              <a:t>Klik på denne pladsholder og indsæt ikon via Skyfish-ikonet. Klik derefter på Billedværktøj under Sund &amp; Bælt-fanen og vælg Tilpas (Fit)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3466739-D2CF-42A2-8F9D-4E0B1812BFB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8820206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fotos, tekst og baggrund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6EB6FA31-FD12-4A41-AC92-462018FFA8C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lIns="72000" tIns="72000" rIns="72000"/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da-DK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E9DE71C-2A7A-4170-87B9-8D837C5B88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3290259-5361-492F-9B0C-8BFDAABE0B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7ACDE5F-44D1-4A84-A613-4845D76243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6521080-9572-4777-A291-6FCEF4F55D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2016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10">
            <a:extLst>
              <a:ext uri="{FF2B5EF4-FFF2-40B4-BE49-F238E27FC236}">
                <a16:creationId xmlns:a16="http://schemas.microsoft.com/office/drawing/2014/main" id="{1F4D5582-5E79-4828-A40D-3C40036ADCA7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672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10">
            <a:extLst>
              <a:ext uri="{FF2B5EF4-FFF2-40B4-BE49-F238E27FC236}">
                <a16:creationId xmlns:a16="http://schemas.microsoft.com/office/drawing/2014/main" id="{53C52D93-8D65-4C7F-B5C6-E4D8D18474D2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328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4" name="Picture Placeholder 10">
            <a:extLst>
              <a:ext uri="{FF2B5EF4-FFF2-40B4-BE49-F238E27FC236}">
                <a16:creationId xmlns:a16="http://schemas.microsoft.com/office/drawing/2014/main" id="{18696D90-FB54-4F7F-940B-D8B4BB12EE0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6984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7" name="Picture Placeholder 10">
            <a:extLst>
              <a:ext uri="{FF2B5EF4-FFF2-40B4-BE49-F238E27FC236}">
                <a16:creationId xmlns:a16="http://schemas.microsoft.com/office/drawing/2014/main" id="{2BCF06BC-E95A-406F-966D-7E2EBD3D63F5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640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F87FB50F-BE5C-4CA6-BE0E-59A33485E74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127023" y="3894667"/>
            <a:ext cx="5937955" cy="2414058"/>
          </a:xfrm>
        </p:spPr>
        <p:txBody>
          <a:bodyPr/>
          <a:lstStyle>
            <a:lvl1pPr marL="0" indent="0" algn="ctr">
              <a:lnSpc>
                <a:spcPct val="100000"/>
              </a:lnSpc>
              <a:buNone/>
              <a:defRPr b="1"/>
            </a:lvl1pPr>
            <a:lvl2pPr marL="180000">
              <a:lnSpc>
                <a:spcPct val="100000"/>
              </a:lnSpc>
              <a:spcBef>
                <a:spcPts val="1200"/>
              </a:spcBef>
              <a:defRPr sz="2000"/>
            </a:lvl2pPr>
            <a:lvl3pPr marL="360000">
              <a:lnSpc>
                <a:spcPct val="100000"/>
              </a:lnSpc>
              <a:defRPr sz="1800"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876D3FB-F80E-4DD2-860B-08974AA9EB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335229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11" name="Pladsholder til indhold 10">
            <a:extLst>
              <a:ext uri="{FF2B5EF4-FFF2-40B4-BE49-F238E27FC236}">
                <a16:creationId xmlns:a16="http://schemas.microsoft.com/office/drawing/2014/main" id="{12EC4DD9-1FE3-46F6-AC73-361DAA6BEE6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720000" y="1116013"/>
            <a:ext cx="5194800" cy="52019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, tabel, graf, foto eller SmartAr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 marts 2018</a:t>
            </a:r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3" name="Pladsholder til indhold 12">
            <a:extLst>
              <a:ext uri="{FF2B5EF4-FFF2-40B4-BE49-F238E27FC236}">
                <a16:creationId xmlns:a16="http://schemas.microsoft.com/office/drawing/2014/main" id="{D26938D7-5F77-4B47-9F62-7BE8C8E6648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74801" y="1116012"/>
            <a:ext cx="5194799" cy="52019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, tabel, graf, foto eller SmartAr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tIns="72000" anchor="t" anchorCtr="0"/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da-DK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noProof="0"/>
              <a:t>Klik og tilføj overskrift i en linje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/>
              <a:t>18 marts 2018</a:t>
            </a:r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79582312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sfoto med tekst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noProof="0"/>
              <a:t>Klik og tilføj overskrift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589DBC74-3786-447B-B59D-7C7225E065B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766755" y="1975555"/>
            <a:ext cx="4030133" cy="4320000"/>
          </a:xfrm>
          <a:solidFill>
            <a:schemeClr val="bg1">
              <a:alpha val="80000"/>
            </a:schemeClr>
          </a:solidFill>
        </p:spPr>
        <p:txBody>
          <a:bodyPr lIns="288000" tIns="270000" rIns="288000" bIns="216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/>
              <a:t>Klik her for at tilføje tekst. Bundfarve ændres via Fyldfarve.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/>
              <a:t>18 marts 2018</a:t>
            </a:r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92665089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sfoto med tekstboks og ik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/>
              <a:t>Klik på denne pladsholder og indsæt baggrundsfoto via: Skyfish ikonet el. via Billedværktøjer under Sund &amp; Bælt-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noProof="0"/>
              <a:t>Klik og tilføj overskrift i en linj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589DBC74-3786-447B-B59D-7C7225E065B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766755" y="1114425"/>
            <a:ext cx="4030133" cy="5181130"/>
          </a:xfrm>
          <a:solidFill>
            <a:schemeClr val="bg1">
              <a:alpha val="80000"/>
            </a:schemeClr>
          </a:solidFill>
        </p:spPr>
        <p:txBody>
          <a:bodyPr lIns="288000" tIns="2088000" rIns="288000" bIns="216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da-DK"/>
              <a:t>Klik her for at tilføje tekst. Bundfarve ændres via Fyldfarve.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/>
              <a:t>18 marts 2018</a:t>
            </a:r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7A6184AB-8E91-413B-8105-2DE6238AFA16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8472133" y="1422399"/>
            <a:ext cx="2619375" cy="1611413"/>
          </a:xfrm>
          <a:noFill/>
        </p:spPr>
        <p:txBody>
          <a:bodyPr lIns="72000" tIns="36000" rIns="0" bIns="0"/>
          <a:lstStyle>
            <a:lvl1pPr marL="0" indent="0">
              <a:buNone/>
              <a:defRPr sz="1200"/>
            </a:lvl1pPr>
          </a:lstStyle>
          <a:p>
            <a:r>
              <a:rPr lang="da-DK"/>
              <a:t>Klik på denne pladsholder og indsæt ikon via Skyfish-ikonet. Klik derefter på Billedværktøj under Sund &amp; Bælt-fanen og vælg Tilpas (Fit)</a:t>
            </a:r>
          </a:p>
        </p:txBody>
      </p:sp>
    </p:spTree>
    <p:extLst>
      <p:ext uri="{BB962C8B-B14F-4D97-AF65-F5344CB8AC3E}">
        <p14:creationId xmlns:p14="http://schemas.microsoft.com/office/powerpoint/2010/main" val="1298923257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to med c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93074E6-CE2C-4C4D-9832-6F9DB925ED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CB52732-F38A-4168-A7DD-AA18C4F20E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49A0495-F73C-404B-B4F7-AF20E4418A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0736BE52-D287-4343-A7BC-32112F12441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286000" y="1440000"/>
            <a:ext cx="1620000" cy="1620000"/>
          </a:xfrm>
          <a:solidFill>
            <a:schemeClr val="bg1">
              <a:lumMod val="95000"/>
            </a:schemeClr>
          </a:solidFill>
        </p:spPr>
        <p:txBody>
          <a:bodyPr wrap="none" bIns="2160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/>
              <a:t>Klik på denne pladsholder og indsæt foto via SkyFish-ikonet eller via Billedværktøjer under Sund &amp; Bælt-fanen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A9A0F01F-F794-4B74-BB5F-C645949017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668000" y="3276599"/>
            <a:ext cx="8856000" cy="2311401"/>
          </a:xfrm>
        </p:spPr>
        <p:txBody>
          <a:bodyPr/>
          <a:lstStyle>
            <a:lvl1pPr marL="108000" indent="-108000" algn="ctr">
              <a:lnSpc>
                <a:spcPct val="91000"/>
              </a:lnSpc>
              <a:spcBef>
                <a:spcPts val="0"/>
              </a:spcBef>
              <a:spcAft>
                <a:spcPts val="1800"/>
              </a:spcAft>
              <a:buClrTx/>
              <a:buFont typeface="Arial" panose="020B0604020202020204" pitchFamily="34" charset="0"/>
              <a:buChar char="”"/>
              <a:defRPr sz="3000">
                <a:solidFill>
                  <a:srgbClr val="3F606E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1600"/>
            </a:lvl2pPr>
            <a:lvl3pPr marL="0" indent="0" algn="ctr">
              <a:lnSpc>
                <a:spcPct val="100000"/>
              </a:lnSpc>
              <a:spcBef>
                <a:spcPts val="1800"/>
              </a:spcBef>
              <a:buClrTx/>
              <a:buFont typeface="Arial" panose="020B0604020202020204" pitchFamily="34" charset="0"/>
              <a:buChar char="​"/>
              <a:defRPr/>
            </a:lvl3pPr>
            <a:lvl4pPr marL="0" indent="0" algn="ctr">
              <a:lnSpc>
                <a:spcPct val="100000"/>
              </a:lnSpc>
              <a:spcBef>
                <a:spcPts val="1800"/>
              </a:spcBef>
              <a:buClrTx/>
              <a:buFont typeface="Arial" panose="020B0604020202020204" pitchFamily="34" charset="0"/>
              <a:buChar char="​"/>
              <a:defRPr/>
            </a:lvl4pPr>
            <a:lvl5pPr marL="0" indent="0" algn="ctr">
              <a:lnSpc>
                <a:spcPct val="100000"/>
              </a:lnSpc>
              <a:spcBef>
                <a:spcPts val="1800"/>
              </a:spcBef>
              <a:buClrTx/>
              <a:buFont typeface="Arial" panose="020B0604020202020204" pitchFamily="34" charset="0"/>
              <a:buChar char="​"/>
              <a:defRPr/>
            </a:lvl5pPr>
          </a:lstStyle>
          <a:p>
            <a:pPr lvl="0"/>
            <a:r>
              <a:rPr lang="da-DK"/>
              <a:t>Skriv citat og afslut med citationstegn” 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C3499BF2-BDE7-4C3D-8E06-733CDF3FC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916036A7-78AE-43F9-896F-9AFD661C6BF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658938" y="5588000"/>
            <a:ext cx="8863012" cy="541338"/>
          </a:xfrm>
        </p:spPr>
        <p:txBody>
          <a:bodyPr/>
          <a:lstStyle>
            <a:lvl1pPr marL="0" indent="0" algn="ctr">
              <a:spcBef>
                <a:spcPts val="0"/>
              </a:spcBef>
              <a:buFontTx/>
              <a:buNone/>
              <a:defRPr sz="1600"/>
            </a:lvl1pPr>
            <a:lvl2pPr marL="0" indent="0" algn="ctr">
              <a:buFontTx/>
              <a:buNone/>
              <a:defRPr sz="1600"/>
            </a:lvl2pPr>
            <a:lvl3pPr marL="0" indent="0" algn="ctr">
              <a:buFontTx/>
              <a:buNone/>
              <a:defRPr sz="1600"/>
            </a:lvl3pPr>
            <a:lvl4pPr marL="0" indent="0" algn="ctr">
              <a:buFontTx/>
              <a:buNone/>
              <a:defRPr sz="1600"/>
            </a:lvl4pPr>
            <a:lvl5pPr marL="0" indent="0" algn="ctr">
              <a:buFontTx/>
              <a:buNone/>
              <a:defRPr sz="1600"/>
            </a:lvl5pPr>
          </a:lstStyle>
          <a:p>
            <a:pPr lvl="0"/>
            <a:r>
              <a:rPr lang="da-DK"/>
              <a:t>Indsæt navn, titel og firma</a:t>
            </a:r>
          </a:p>
        </p:txBody>
      </p:sp>
    </p:spTree>
    <p:extLst>
      <p:ext uri="{BB962C8B-B14F-4D97-AF65-F5344CB8AC3E}">
        <p14:creationId xmlns:p14="http://schemas.microsoft.com/office/powerpoint/2010/main" val="2781806901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/>
              <a:t>Klik og tilføj overskrift i en linje</a:t>
            </a:r>
            <a:endParaRPr lang="da-DK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 marts 2018</a:t>
            </a:r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30902110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Kun sidenumm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 marts 2018</a:t>
            </a:r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6552240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204BEF62-0A0C-428F-9593-4784936349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5A2DACD1-A298-4D19-866E-68CF70D652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4BE3378-177E-45B6-8A07-1A8ABC3BC8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6" name="Text Box 2">
            <a:extLst>
              <a:ext uri="{FF2B5EF4-FFF2-40B4-BE49-F238E27FC236}">
                <a16:creationId xmlns:a16="http://schemas.microsoft.com/office/drawing/2014/main" id="{2562121C-7E79-4645-BB1B-1D3855B3831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5963" y="1444451"/>
            <a:ext cx="2280360" cy="47859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nyt sli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e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7" name="1 Forøg formindsk">
            <a:extLst>
              <a:ext uri="{FF2B5EF4-FFF2-40B4-BE49-F238E27FC236}">
                <a16:creationId xmlns:a16="http://schemas.microsoft.com/office/drawing/2014/main" id="{82A640AB-9083-4E25-B69C-5615DDD51EF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876760" y="2529100"/>
            <a:ext cx="549328" cy="285228"/>
          </a:xfrm>
          <a:prstGeom prst="rect">
            <a:avLst/>
          </a:prstGeom>
        </p:spPr>
      </p:pic>
      <p:pic>
        <p:nvPicPr>
          <p:cNvPr id="8" name="2 Ny slide">
            <a:extLst>
              <a:ext uri="{FF2B5EF4-FFF2-40B4-BE49-F238E27FC236}">
                <a16:creationId xmlns:a16="http://schemas.microsoft.com/office/drawing/2014/main" id="{C9EFBCCE-8D49-4A73-8762-63E5870B1EC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890679" y="3258299"/>
            <a:ext cx="363713" cy="647461"/>
          </a:xfrm>
          <a:prstGeom prst="rect">
            <a:avLst/>
          </a:prstGeom>
        </p:spPr>
      </p:pic>
      <p:pic>
        <p:nvPicPr>
          <p:cNvPr id="9" name="3 Layout">
            <a:extLst>
              <a:ext uri="{FF2B5EF4-FFF2-40B4-BE49-F238E27FC236}">
                <a16:creationId xmlns:a16="http://schemas.microsoft.com/office/drawing/2014/main" id="{00995F18-330D-4742-AD80-E856C91E09A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906144" y="4112380"/>
            <a:ext cx="593368" cy="192211"/>
          </a:xfrm>
          <a:prstGeom prst="rect">
            <a:avLst/>
          </a:prstGeom>
        </p:spPr>
      </p:pic>
      <p:pic>
        <p:nvPicPr>
          <p:cNvPr id="11" name="4 Nulstil">
            <a:extLst>
              <a:ext uri="{FF2B5EF4-FFF2-40B4-BE49-F238E27FC236}">
                <a16:creationId xmlns:a16="http://schemas.microsoft.com/office/drawing/2014/main" id="{2324BBF6-4E28-4408-B9EF-E9ED5897F24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06144" y="5560065"/>
            <a:ext cx="547241" cy="197798"/>
          </a:xfrm>
          <a:prstGeom prst="rect">
            <a:avLst/>
          </a:prstGeom>
        </p:spPr>
      </p:pic>
      <p:grpSp>
        <p:nvGrpSpPr>
          <p:cNvPr id="13" name="Gruppe 12">
            <a:extLst>
              <a:ext uri="{FF2B5EF4-FFF2-40B4-BE49-F238E27FC236}">
                <a16:creationId xmlns:a16="http://schemas.microsoft.com/office/drawing/2014/main" id="{D2C9FB0D-88F7-4914-B163-2A32B5C36395}"/>
              </a:ext>
            </a:extLst>
          </p:cNvPr>
          <p:cNvGrpSpPr/>
          <p:nvPr userDrawn="1"/>
        </p:nvGrpSpPr>
        <p:grpSpPr>
          <a:xfrm>
            <a:off x="6398620" y="3655032"/>
            <a:ext cx="740398" cy="934814"/>
            <a:chOff x="6398620" y="3815586"/>
            <a:chExt cx="740398" cy="934814"/>
          </a:xfrm>
        </p:grpSpPr>
        <p:pic>
          <p:nvPicPr>
            <p:cNvPr id="14" name="6 Crop">
              <a:extLst>
                <a:ext uri="{FF2B5EF4-FFF2-40B4-BE49-F238E27FC236}">
                  <a16:creationId xmlns:a16="http://schemas.microsoft.com/office/drawing/2014/main" id="{9CA7B9C2-7E56-410A-971E-5C2DB12375F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15" name="Billede 14">
              <a:extLst>
                <a:ext uri="{FF2B5EF4-FFF2-40B4-BE49-F238E27FC236}">
                  <a16:creationId xmlns:a16="http://schemas.microsoft.com/office/drawing/2014/main" id="{8279CECF-FAFA-4219-B5CE-3A3FD849884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16" name="Gruppe 15">
            <a:extLst>
              <a:ext uri="{FF2B5EF4-FFF2-40B4-BE49-F238E27FC236}">
                <a16:creationId xmlns:a16="http://schemas.microsoft.com/office/drawing/2014/main" id="{5BA528D8-8864-41DB-9710-AE4685B9A20B}"/>
              </a:ext>
            </a:extLst>
          </p:cNvPr>
          <p:cNvGrpSpPr/>
          <p:nvPr userDrawn="1"/>
        </p:nvGrpSpPr>
        <p:grpSpPr>
          <a:xfrm>
            <a:off x="6391652" y="4813484"/>
            <a:ext cx="740397" cy="929593"/>
            <a:chOff x="6391652" y="4854581"/>
            <a:chExt cx="740397" cy="929593"/>
          </a:xfrm>
        </p:grpSpPr>
        <p:pic>
          <p:nvPicPr>
            <p:cNvPr id="17" name="6 Crop">
              <a:extLst>
                <a:ext uri="{FF2B5EF4-FFF2-40B4-BE49-F238E27FC236}">
                  <a16:creationId xmlns:a16="http://schemas.microsoft.com/office/drawing/2014/main" id="{31C0B22E-AE96-4B47-B9E5-0C6BF3DDFBD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18" name="Billede 17">
              <a:extLst>
                <a:ext uri="{FF2B5EF4-FFF2-40B4-BE49-F238E27FC236}">
                  <a16:creationId xmlns:a16="http://schemas.microsoft.com/office/drawing/2014/main" id="{7DEA374A-1857-4DBB-B628-7924724B194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6442771" y="2420162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9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1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139846" y="1444451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24" name="6 Beskær">
            <a:extLst>
              <a:ext uri="{FF2B5EF4-FFF2-40B4-BE49-F238E27FC236}">
                <a16:creationId xmlns:a16="http://schemas.microsoft.com/office/drawing/2014/main" id="{73BFC9C5-9F8B-479D-9F8C-258E445B7163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10242475" y="1623601"/>
            <a:ext cx="337400" cy="321707"/>
          </a:xfrm>
          <a:prstGeom prst="rect">
            <a:avLst/>
          </a:prstGeom>
        </p:spPr>
      </p:pic>
      <p:pic>
        <p:nvPicPr>
          <p:cNvPr id="25" name="7 Skalér billede">
            <a:extLst>
              <a:ext uri="{FF2B5EF4-FFF2-40B4-BE49-F238E27FC236}">
                <a16:creationId xmlns:a16="http://schemas.microsoft.com/office/drawing/2014/main" id="{BC0CFA26-138E-416A-95E9-B8BD373116B3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10242475" y="1984241"/>
            <a:ext cx="359695" cy="335309"/>
          </a:xfrm>
          <a:prstGeom prst="rect">
            <a:avLst/>
          </a:prstGeom>
        </p:spPr>
      </p:pic>
      <p:sp>
        <p:nvSpPr>
          <p:cNvPr id="26" name="Fast overskrift">
            <a:extLst>
              <a:ext uri="{FF2B5EF4-FFF2-40B4-BE49-F238E27FC236}">
                <a16:creationId xmlns:a16="http://schemas.microsoft.com/office/drawing/2014/main" id="{70228264-0252-44FF-B3C8-4CBFA6043ED3}"/>
              </a:ext>
            </a:extLst>
          </p:cNvPr>
          <p:cNvSpPr txBox="1"/>
          <p:nvPr userDrawn="1"/>
        </p:nvSpPr>
        <p:spPr>
          <a:xfrm>
            <a:off x="696913" y="504682"/>
            <a:ext cx="10752137" cy="61133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>
              <a:lnSpc>
                <a:spcPct val="83000"/>
              </a:lnSpc>
            </a:pPr>
            <a:r>
              <a:rPr lang="en-GB" sz="3200" b="0" cap="all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28" name="Text Box 3">
            <a:extLst>
              <a:ext uri="{FF2B5EF4-FFF2-40B4-BE49-F238E27FC236}">
                <a16:creationId xmlns:a16="http://schemas.microsoft.com/office/drawing/2014/main" id="{9B2E8B7A-06A2-42A5-869E-998F86255B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98494" y="1444451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188185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spalter tekst og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1" y="1114425"/>
            <a:ext cx="3343999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4363" y="1114425"/>
            <a:ext cx="3340100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0953736-C736-44D1-A7CF-23887B72437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1114425"/>
            <a:ext cx="3343274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2808000"/>
            <a:ext cx="12192000" cy="4050000"/>
          </a:xfrm>
          <a:solidFill>
            <a:srgbClr val="D2D2D1"/>
          </a:solidFill>
        </p:spPr>
        <p:txBody>
          <a:bodyPr lIns="720000" tIns="72000" rIns="7200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576904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5" pos="2560" userDrawn="1">
          <p15:clr>
            <a:srgbClr val="000000"/>
          </p15:clr>
        </p15:guide>
        <p15:guide id="6" pos="2787" userDrawn="1">
          <p15:clr>
            <a:srgbClr val="000000"/>
          </p15:clr>
        </p15:guide>
        <p15:guide id="7" pos="4891" userDrawn="1">
          <p15:clr>
            <a:srgbClr val="000000"/>
          </p15:clr>
        </p15:guide>
        <p15:guide id="8" pos="5118" userDrawn="1">
          <p15:clr>
            <a:srgbClr val="00000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spalter tekst og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1" y="1114425"/>
            <a:ext cx="5193437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273800" y="1114425"/>
            <a:ext cx="5194299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2808000"/>
            <a:ext cx="12192000" cy="4050000"/>
          </a:xfrm>
          <a:solidFill>
            <a:srgbClr val="D2D2D1"/>
          </a:solidFill>
        </p:spPr>
        <p:txBody>
          <a:bodyPr lIns="720000" tIns="72000" rIns="7200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5254591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725" userDrawn="1">
          <p15:clr>
            <a:srgbClr val="000000"/>
          </p15:clr>
        </p15:guide>
        <p15:guide id="2" pos="3952" userDrawn="1">
          <p15:clr>
            <a:srgbClr val="00000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1114425"/>
            <a:ext cx="7416000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2808000"/>
            <a:ext cx="12192000" cy="4050000"/>
          </a:xfrm>
          <a:solidFill>
            <a:srgbClr val="D2D2D1"/>
          </a:solidFill>
        </p:spPr>
        <p:txBody>
          <a:bodyPr lIns="720000" tIns="72000" rIns="7200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1234955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5125" userDrawn="1">
          <p15:clr>
            <a:srgbClr val="00000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tre f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1C2C8A-42F4-4938-8FA8-FC7F4CCD454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og tilføj overskrift i en linje</a:t>
            </a:r>
            <a:endParaRPr lang="da-DK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EED141-840B-481C-8137-24D55D0DA4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8-03-2018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5F7CCE3-1AC8-4D5E-A746-0B13AC0153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85A89E-2BC8-451D-8D63-7625A884E3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A42D9212-953F-4E1B-A067-97CD65B2C8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1116014"/>
            <a:ext cx="7416000" cy="1924008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16C990-FCEC-43DA-8F12-6B4974E1DC3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3240975"/>
            <a:ext cx="3348000" cy="3060000"/>
          </a:xfrm>
          <a:solidFill>
            <a:srgbClr val="D2D2D1"/>
          </a:solidFill>
        </p:spPr>
        <p:txBody>
          <a:bodyPr lIns="720000" tIns="72000" rIns="144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E39398D9-1006-4B43-BE69-8746DDE1CF1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456000" y="3240975"/>
            <a:ext cx="3348000" cy="3060000"/>
          </a:xfrm>
          <a:solidFill>
            <a:srgbClr val="D2D2D1"/>
          </a:solidFill>
        </p:spPr>
        <p:txBody>
          <a:bodyPr lIns="72000" tIns="72000" rIns="720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2C053F1C-8F00-4EAF-A092-0ADBD4B1D2B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912000" y="3240975"/>
            <a:ext cx="5280000" cy="3060000"/>
          </a:xfrm>
          <a:solidFill>
            <a:srgbClr val="D2D2D1"/>
          </a:solidFill>
        </p:spPr>
        <p:txBody>
          <a:bodyPr lIns="72000" tIns="72000" rIns="2628000"/>
          <a:lstStyle>
            <a:lvl1pPr marL="0" indent="0">
              <a:buNone/>
              <a:defRPr sz="1200"/>
            </a:lvl1pPr>
          </a:lstStyle>
          <a:p>
            <a:r>
              <a:rPr lang="da-DK" dirty="0"/>
              <a:t>Klik på denne pladsholder og indsæt foto via SkyFish-ikonet eller via Billedværktøjer under Sund &amp; Bælt-fanen</a:t>
            </a:r>
          </a:p>
        </p:txBody>
      </p:sp>
    </p:spTree>
    <p:extLst>
      <p:ext uri="{BB962C8B-B14F-4D97-AF65-F5344CB8AC3E}">
        <p14:creationId xmlns:p14="http://schemas.microsoft.com/office/powerpoint/2010/main" val="235361113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5125" userDrawn="1">
          <p15:clr>
            <a:srgbClr val="00000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13" Type="http://schemas.openxmlformats.org/officeDocument/2006/relationships/slideLayout" Target="../slideLayouts/slideLayout41.xml"/><Relationship Id="rId18" Type="http://schemas.openxmlformats.org/officeDocument/2006/relationships/slideLayout" Target="../slideLayouts/slideLayout46.xml"/><Relationship Id="rId26" Type="http://schemas.openxmlformats.org/officeDocument/2006/relationships/slideLayout" Target="../slideLayouts/slideLayout54.xml"/><Relationship Id="rId3" Type="http://schemas.openxmlformats.org/officeDocument/2006/relationships/slideLayout" Target="../slideLayouts/slideLayout31.xml"/><Relationship Id="rId21" Type="http://schemas.openxmlformats.org/officeDocument/2006/relationships/slideLayout" Target="../slideLayouts/slideLayout49.xml"/><Relationship Id="rId7" Type="http://schemas.openxmlformats.org/officeDocument/2006/relationships/slideLayout" Target="../slideLayouts/slideLayout35.xml"/><Relationship Id="rId12" Type="http://schemas.openxmlformats.org/officeDocument/2006/relationships/slideLayout" Target="../slideLayouts/slideLayout40.xml"/><Relationship Id="rId17" Type="http://schemas.openxmlformats.org/officeDocument/2006/relationships/slideLayout" Target="../slideLayouts/slideLayout45.xml"/><Relationship Id="rId25" Type="http://schemas.openxmlformats.org/officeDocument/2006/relationships/slideLayout" Target="../slideLayouts/slideLayout53.xml"/><Relationship Id="rId2" Type="http://schemas.openxmlformats.org/officeDocument/2006/relationships/slideLayout" Target="../slideLayouts/slideLayout30.xml"/><Relationship Id="rId16" Type="http://schemas.openxmlformats.org/officeDocument/2006/relationships/slideLayout" Target="../slideLayouts/slideLayout44.xml"/><Relationship Id="rId20" Type="http://schemas.openxmlformats.org/officeDocument/2006/relationships/slideLayout" Target="../slideLayouts/slideLayout48.xml"/><Relationship Id="rId29" Type="http://schemas.openxmlformats.org/officeDocument/2006/relationships/theme" Target="../theme/theme2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slideLayout" Target="../slideLayouts/slideLayout39.xml"/><Relationship Id="rId24" Type="http://schemas.openxmlformats.org/officeDocument/2006/relationships/slideLayout" Target="../slideLayouts/slideLayout52.xml"/><Relationship Id="rId5" Type="http://schemas.openxmlformats.org/officeDocument/2006/relationships/slideLayout" Target="../slideLayouts/slideLayout33.xml"/><Relationship Id="rId15" Type="http://schemas.openxmlformats.org/officeDocument/2006/relationships/slideLayout" Target="../slideLayouts/slideLayout43.xml"/><Relationship Id="rId23" Type="http://schemas.openxmlformats.org/officeDocument/2006/relationships/slideLayout" Target="../slideLayouts/slideLayout51.xml"/><Relationship Id="rId28" Type="http://schemas.openxmlformats.org/officeDocument/2006/relationships/slideLayout" Target="../slideLayouts/slideLayout56.xml"/><Relationship Id="rId10" Type="http://schemas.openxmlformats.org/officeDocument/2006/relationships/slideLayout" Target="../slideLayouts/slideLayout38.xml"/><Relationship Id="rId19" Type="http://schemas.openxmlformats.org/officeDocument/2006/relationships/slideLayout" Target="../slideLayouts/slideLayout47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Relationship Id="rId14" Type="http://schemas.openxmlformats.org/officeDocument/2006/relationships/slideLayout" Target="../slideLayouts/slideLayout42.xml"/><Relationship Id="rId22" Type="http://schemas.openxmlformats.org/officeDocument/2006/relationships/slideLayout" Target="../slideLayouts/slideLayout50.xml"/><Relationship Id="rId27" Type="http://schemas.openxmlformats.org/officeDocument/2006/relationships/slideLayout" Target="../slideLayouts/slideLayout5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98104" y="522821"/>
            <a:ext cx="107928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0001" y="1116013"/>
            <a:ext cx="10748100" cy="51839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0">
                <a:noFill/>
              </a:defRPr>
            </a:lvl1pPr>
          </a:lstStyle>
          <a:p>
            <a:r>
              <a:rPr lang="en-GB" dirty="0"/>
              <a:t>18 marts 2018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898540" y="6477758"/>
            <a:ext cx="39492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0"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25" r:id="rId2"/>
    <p:sldLayoutId id="2147483726" r:id="rId3"/>
    <p:sldLayoutId id="2147483692" r:id="rId4"/>
    <p:sldLayoutId id="2147483652" r:id="rId5"/>
    <p:sldLayoutId id="2147483727" r:id="rId6"/>
    <p:sldLayoutId id="2147483728" r:id="rId7"/>
    <p:sldLayoutId id="2147483729" r:id="rId8"/>
    <p:sldLayoutId id="2147483733" r:id="rId9"/>
    <p:sldLayoutId id="2147483735" r:id="rId10"/>
    <p:sldLayoutId id="2147483734" r:id="rId11"/>
    <p:sldLayoutId id="2147483737" r:id="rId12"/>
    <p:sldLayoutId id="2147483750" r:id="rId13"/>
    <p:sldLayoutId id="2147483751" r:id="rId14"/>
    <p:sldLayoutId id="2147483738" r:id="rId15"/>
    <p:sldLayoutId id="2147483739" r:id="rId16"/>
    <p:sldLayoutId id="2147483742" r:id="rId17"/>
    <p:sldLayoutId id="2147483743" r:id="rId18"/>
    <p:sldLayoutId id="2147483744" r:id="rId19"/>
    <p:sldLayoutId id="2147483746" r:id="rId20"/>
    <p:sldLayoutId id="2147483745" r:id="rId21"/>
    <p:sldLayoutId id="2147483660" r:id="rId22"/>
    <p:sldLayoutId id="2147483748" r:id="rId23"/>
    <p:sldLayoutId id="2147483749" r:id="rId24"/>
    <p:sldLayoutId id="2147483747" r:id="rId25"/>
    <p:sldLayoutId id="2147483654" r:id="rId26"/>
    <p:sldLayoutId id="2147483655" r:id="rId27"/>
    <p:sldLayoutId id="2147483752" r:id="rId28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20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rgbClr val="90A99C"/>
        </a:buClr>
        <a:buFont typeface="Arial Rounded MT Bold" panose="020F070403050403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2" pos="451" userDrawn="1">
          <p15:clr>
            <a:srgbClr val="F26B43"/>
          </p15:clr>
        </p15:guide>
        <p15:guide id="3" orient="horz" pos="325" userDrawn="1">
          <p15:clr>
            <a:srgbClr val="F26B43"/>
          </p15:clr>
        </p15:guide>
        <p15:guide id="6" orient="horz" pos="703" userDrawn="1">
          <p15:clr>
            <a:srgbClr val="F26B43"/>
          </p15:clr>
        </p15:guide>
        <p15:guide id="7" pos="7224" userDrawn="1">
          <p15:clr>
            <a:srgbClr val="F26B43"/>
          </p15:clr>
        </p15:guide>
        <p15:guide id="8" orient="horz" pos="3861" userDrawn="1">
          <p15:clr>
            <a:srgbClr val="F26B43"/>
          </p15:clr>
        </p15:guide>
        <p15:guide id="9" orient="horz" pos="3974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98104" y="522821"/>
            <a:ext cx="107928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0001" y="1116013"/>
            <a:ext cx="10748100" cy="51839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/>
              <a:t>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6</a:t>
            </a:r>
          </a:p>
          <a:p>
            <a:pPr lvl="6"/>
            <a:r>
              <a:rPr lang="en-GB" noProof="0"/>
              <a:t>7</a:t>
            </a:r>
          </a:p>
          <a:p>
            <a:pPr lvl="7"/>
            <a:r>
              <a:rPr lang="en-GB" noProof="0"/>
              <a:t>8</a:t>
            </a:r>
          </a:p>
          <a:p>
            <a:pPr lvl="8"/>
            <a:r>
              <a:rPr lang="en-GB" noProof="0"/>
              <a:t>9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0">
                <a:noFill/>
              </a:defRPr>
            </a:lvl1pPr>
          </a:lstStyle>
          <a:p>
            <a:r>
              <a:rPr lang="en-GB"/>
              <a:t>18 marts 2018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898540" y="6477758"/>
            <a:ext cx="39492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0"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266457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69" r:id="rId2"/>
    <p:sldLayoutId id="2147483770" r:id="rId3"/>
    <p:sldLayoutId id="2147483771" r:id="rId4"/>
    <p:sldLayoutId id="2147483772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  <p:sldLayoutId id="2147483779" r:id="rId12"/>
    <p:sldLayoutId id="2147483780" r:id="rId13"/>
    <p:sldLayoutId id="2147483781" r:id="rId14"/>
    <p:sldLayoutId id="2147483782" r:id="rId15"/>
    <p:sldLayoutId id="2147483783" r:id="rId16"/>
    <p:sldLayoutId id="2147483784" r:id="rId17"/>
    <p:sldLayoutId id="2147483785" r:id="rId18"/>
    <p:sldLayoutId id="2147483786" r:id="rId19"/>
    <p:sldLayoutId id="2147483787" r:id="rId20"/>
    <p:sldLayoutId id="2147483788" r:id="rId21"/>
    <p:sldLayoutId id="2147483789" r:id="rId22"/>
    <p:sldLayoutId id="2147483790" r:id="rId23"/>
    <p:sldLayoutId id="2147483791" r:id="rId24"/>
    <p:sldLayoutId id="2147483792" r:id="rId25"/>
    <p:sldLayoutId id="2147483793" r:id="rId26"/>
    <p:sldLayoutId id="2147483794" r:id="rId27"/>
    <p:sldLayoutId id="2147483795" r:id="rId28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20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rgbClr val="90A99C"/>
        </a:buClr>
        <a:buFont typeface="Arial Rounded MT Bold" panose="020F070403050403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rgbClr val="90A99C"/>
        </a:buClr>
        <a:buFont typeface="Arial Rounded MT Bold" panose="020F0704030504030204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451">
          <p15:clr>
            <a:srgbClr val="F26B43"/>
          </p15:clr>
        </p15:guide>
        <p15:guide id="3" orient="horz" pos="325">
          <p15:clr>
            <a:srgbClr val="F26B43"/>
          </p15:clr>
        </p15:guide>
        <p15:guide id="6" orient="horz" pos="703">
          <p15:clr>
            <a:srgbClr val="F26B43"/>
          </p15:clr>
        </p15:guide>
        <p15:guide id="7" pos="7224">
          <p15:clr>
            <a:srgbClr val="F26B43"/>
          </p15:clr>
        </p15:guide>
        <p15:guide id="8" orient="horz" pos="3861">
          <p15:clr>
            <a:srgbClr val="F26B43"/>
          </p15:clr>
        </p15:guide>
        <p15:guide id="9" orient="horz" pos="3974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tiff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image" Target="../media/image16.tiff"/><Relationship Id="rId5" Type="http://schemas.openxmlformats.org/officeDocument/2006/relationships/image" Target="../media/image15.bin"/><Relationship Id="rId4" Type="http://schemas.openxmlformats.org/officeDocument/2006/relationships/image" Target="../media/image14.tiff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ladsholder til billede 4"/>
          <p:cNvPicPr>
            <a:picLocks noGrp="1" noChangeAspect="1"/>
          </p:cNvPicPr>
          <p:nvPr>
            <p:ph type="pic" sz="quarter" idx="16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  <p:pic>
        <p:nvPicPr>
          <p:cNvPr id="3" name="Pladsholder til billede 2"/>
          <p:cNvPicPr>
            <a:picLocks noGrp="1" noChangeAspect="1"/>
          </p:cNvPicPr>
          <p:nvPr>
            <p:ph type="pic" sz="quarter" idx="15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40042" y="2976162"/>
            <a:ext cx="7167957" cy="3665838"/>
          </a:xfrm>
        </p:spPr>
      </p:pic>
      <p:sp>
        <p:nvSpPr>
          <p:cNvPr id="15" name="Title 14">
            <a:extLst>
              <a:ext uri="{FF2B5EF4-FFF2-40B4-BE49-F238E27FC236}">
                <a16:creationId xmlns:a16="http://schemas.microsoft.com/office/drawing/2014/main" id="{AF5F4FDF-9362-4B00-90C9-C028E2D15CC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167618" y="4296270"/>
            <a:ext cx="6805307" cy="1744148"/>
          </a:xfrm>
        </p:spPr>
        <p:txBody>
          <a:bodyPr/>
          <a:lstStyle/>
          <a:p>
            <a:r>
              <a:rPr lang="en-GB" dirty="0" err="1" smtClean="0"/>
              <a:t>Stormflodssikring</a:t>
            </a:r>
            <a:r>
              <a:rPr lang="en-GB" smtClean="0"/>
              <a:t/>
            </a:r>
            <a:br>
              <a:rPr lang="en-GB" smtClean="0"/>
            </a:br>
            <a:r>
              <a:rPr lang="en-GB" smtClean="0"/>
              <a:t>ASØ/dragør</a:t>
            </a:r>
            <a:endParaRPr lang="en-GB" sz="2800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3F2BB532-F367-403D-8707-554E1CC67DC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076275" y="5639099"/>
            <a:ext cx="1975852" cy="219631"/>
          </a:xfrm>
        </p:spPr>
        <p:txBody>
          <a:bodyPr/>
          <a:lstStyle/>
          <a:p>
            <a:pPr>
              <a:buNone/>
            </a:pPr>
            <a:r>
              <a:rPr lang="en-GB" dirty="0" smtClean="0"/>
              <a:t>22 august 2022</a:t>
            </a:r>
            <a:endParaRPr lang="en-GB" dirty="0"/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78250598-9149-4A8D-AFCC-23EF31A937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8 marts 2018</a:t>
            </a:r>
            <a:endParaRPr lang="da-DK" dirty="0"/>
          </a:p>
        </p:txBody>
      </p:sp>
      <p:sp>
        <p:nvSpPr>
          <p:cNvPr id="8" name="Pladsholder til sidefod 7">
            <a:extLst>
              <a:ext uri="{FF2B5EF4-FFF2-40B4-BE49-F238E27FC236}">
                <a16:creationId xmlns:a16="http://schemas.microsoft.com/office/drawing/2014/main" id="{8485CC02-E466-4D33-8F8A-FFD497A2DA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96EC64F7-222B-47BA-906C-246F587FFD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/>
              <a:pPr/>
              <a:t>1</a:t>
            </a:fld>
            <a:endParaRPr lang="da-DK" dirty="0"/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38F0164D-EED0-4115-8DB2-7E930A14F4A0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8052127" y="5635850"/>
            <a:ext cx="4248650" cy="401318"/>
          </a:xfrm>
        </p:spPr>
        <p:txBody>
          <a:bodyPr/>
          <a:lstStyle/>
          <a:p>
            <a:endParaRPr lang="da-DK" dirty="0"/>
          </a:p>
        </p:txBody>
      </p:sp>
      <p:pic>
        <p:nvPicPr>
          <p:cNvPr id="25" name="Logo">
            <a:extLst>
              <a:ext uri="{FF2B5EF4-FFF2-40B4-BE49-F238E27FC236}">
                <a16:creationId xmlns:a16="http://schemas.microsoft.com/office/drawing/2014/main" id="{5CD72ACE-8F9C-4E4B-BB71-0A54C1756344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880593" y="431999"/>
            <a:ext cx="1871995" cy="944137"/>
          </a:xfrm>
          <a:prstGeom prst="rect">
            <a:avLst/>
          </a:prstGeom>
        </p:spPr>
      </p:pic>
      <p:pic>
        <p:nvPicPr>
          <p:cNvPr id="10" name="Pladsholder til billede 9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40042" y="216001"/>
            <a:ext cx="7167958" cy="2691956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340282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orland – 10.000 år median 2050 1/2</a:t>
            </a:r>
            <a:endParaRPr lang="da-DK" dirty="0"/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8-03-2018</a:t>
            </a:r>
            <a:endParaRPr lang="da-DK" dirty="0"/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slide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6" name="Tekstfelt 5"/>
          <p:cNvSpPr txBox="1"/>
          <p:nvPr/>
        </p:nvSpPr>
        <p:spPr>
          <a:xfrm>
            <a:off x="7539980" y="1069486"/>
            <a:ext cx="4525350" cy="65583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1000"/>
              </a:lnSpc>
            </a:pPr>
            <a:r>
              <a:rPr lang="da-DK" sz="1600" dirty="0" smtClean="0"/>
              <a:t>Projektet er et skitseprojekt, der skal detaljeres og færdigprojekteres i en dialog og et samarbejde inden en evt. udførelse.</a:t>
            </a:r>
          </a:p>
          <a:p>
            <a:pPr>
              <a:lnSpc>
                <a:spcPct val="101000"/>
              </a:lnSpc>
            </a:pPr>
            <a:endParaRPr lang="da-DK" sz="1600" dirty="0" smtClean="0"/>
          </a:p>
          <a:p>
            <a:pPr>
              <a:lnSpc>
                <a:spcPct val="101000"/>
              </a:lnSpc>
            </a:pPr>
            <a:r>
              <a:rPr lang="da-DK" sz="1600" dirty="0" smtClean="0"/>
              <a:t>Der er </a:t>
            </a:r>
            <a:r>
              <a:rPr lang="da-DK" sz="1600" dirty="0" err="1" smtClean="0"/>
              <a:t>ca</a:t>
            </a:r>
            <a:r>
              <a:rPr lang="da-DK" sz="1600" dirty="0" smtClean="0"/>
              <a:t> 250 meter bredde på lagunen.</a:t>
            </a:r>
          </a:p>
          <a:p>
            <a:pPr>
              <a:lnSpc>
                <a:spcPct val="101000"/>
              </a:lnSpc>
            </a:pPr>
            <a:endParaRPr lang="da-DK" sz="1600" dirty="0"/>
          </a:p>
          <a:p>
            <a:pPr>
              <a:lnSpc>
                <a:spcPct val="101000"/>
              </a:lnSpc>
            </a:pPr>
            <a:r>
              <a:rPr lang="da-DK" sz="1600" dirty="0" smtClean="0"/>
              <a:t>Der vil være gennemstrømning af havvand gennem to åbninger, så vandet i lagunen udskiftes ved højvande/lavvande.</a:t>
            </a:r>
          </a:p>
          <a:p>
            <a:pPr>
              <a:lnSpc>
                <a:spcPct val="101000"/>
              </a:lnSpc>
            </a:pPr>
            <a:endParaRPr lang="da-DK" sz="1600" dirty="0"/>
          </a:p>
          <a:p>
            <a:pPr>
              <a:lnSpc>
                <a:spcPct val="101000"/>
              </a:lnSpc>
            </a:pPr>
            <a:r>
              <a:rPr lang="da-DK" sz="1600" dirty="0" smtClean="0"/>
              <a:t>Der vil kunne sejles igennem åbninger med kajak, vi undersøger muligheder for mindre joller.</a:t>
            </a:r>
          </a:p>
          <a:p>
            <a:pPr>
              <a:lnSpc>
                <a:spcPct val="101000"/>
              </a:lnSpc>
            </a:pPr>
            <a:endParaRPr lang="da-DK" sz="1600" dirty="0" smtClean="0"/>
          </a:p>
          <a:p>
            <a:pPr>
              <a:lnSpc>
                <a:spcPct val="101000"/>
              </a:lnSpc>
            </a:pPr>
            <a:r>
              <a:rPr lang="da-DK" sz="1600" dirty="0" smtClean="0"/>
              <a:t>Eksisterende dige vil kunne nedlægges.</a:t>
            </a:r>
          </a:p>
          <a:p>
            <a:pPr>
              <a:lnSpc>
                <a:spcPct val="101000"/>
              </a:lnSpc>
            </a:pPr>
            <a:endParaRPr lang="da-DK" sz="1600" dirty="0" smtClean="0"/>
          </a:p>
          <a:p>
            <a:pPr>
              <a:lnSpc>
                <a:spcPct val="101000"/>
              </a:lnSpc>
            </a:pPr>
            <a:r>
              <a:rPr lang="da-DK" sz="1600" dirty="0"/>
              <a:t>Dragør Kommune skal lukke ved havnen med </a:t>
            </a:r>
            <a:r>
              <a:rPr lang="da-DK" sz="1600" dirty="0" smtClean="0"/>
              <a:t>fløjdige </a:t>
            </a:r>
            <a:r>
              <a:rPr lang="da-DK" sz="1600" dirty="0"/>
              <a:t>ind i land, eller anden sikring </a:t>
            </a:r>
            <a:r>
              <a:rPr lang="da-DK" sz="1600" dirty="0" smtClean="0"/>
              <a:t>omkring og ind i land syd for </a:t>
            </a:r>
            <a:r>
              <a:rPr lang="da-DK" sz="1600" dirty="0"/>
              <a:t>havnen, som kan modstå en 10.000 års </a:t>
            </a:r>
            <a:r>
              <a:rPr lang="da-DK" sz="1600" dirty="0" smtClean="0"/>
              <a:t>stormflodshændelse i kote +4,7 så vandet ikke løber bagom diget. Sund &amp; Bælt stiller ikke krav til andre dele af Dragørs stormflodsløsninger mod syd.</a:t>
            </a:r>
            <a:endParaRPr lang="da-DK" sz="1600" dirty="0"/>
          </a:p>
          <a:p>
            <a:pPr>
              <a:lnSpc>
                <a:spcPct val="101000"/>
              </a:lnSpc>
            </a:pPr>
            <a:endParaRPr lang="da-DK" sz="1800" dirty="0" smtClean="0"/>
          </a:p>
          <a:p>
            <a:pPr>
              <a:lnSpc>
                <a:spcPct val="101000"/>
              </a:lnSpc>
            </a:pPr>
            <a:endParaRPr lang="da-DK" dirty="0"/>
          </a:p>
          <a:p>
            <a:pPr>
              <a:lnSpc>
                <a:spcPct val="101000"/>
              </a:lnSpc>
            </a:pPr>
            <a:r>
              <a:rPr lang="da-DK" sz="1800" dirty="0" smtClean="0"/>
              <a:t> </a:t>
            </a:r>
            <a:endParaRPr lang="da-DK" sz="1800" dirty="0"/>
          </a:p>
        </p:txBody>
      </p:sp>
      <p:pic>
        <p:nvPicPr>
          <p:cNvPr id="12" name="Billede 1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104" y="1098821"/>
            <a:ext cx="6667500" cy="472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78318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orland – 10.000 år median 2050 2/2</a:t>
            </a:r>
            <a:endParaRPr lang="da-DK" dirty="0"/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8-03-2018</a:t>
            </a:r>
            <a:endParaRPr lang="da-DK" dirty="0"/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slide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6" name="Tekstfelt 5"/>
          <p:cNvSpPr txBox="1"/>
          <p:nvPr/>
        </p:nvSpPr>
        <p:spPr>
          <a:xfrm>
            <a:off x="7668865" y="1098803"/>
            <a:ext cx="4249158" cy="69939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1000"/>
              </a:lnSpc>
            </a:pPr>
            <a:r>
              <a:rPr lang="da-DK" dirty="0"/>
              <a:t>D</a:t>
            </a:r>
            <a:r>
              <a:rPr lang="da-DK" dirty="0" smtClean="0"/>
              <a:t>et </a:t>
            </a:r>
            <a:r>
              <a:rPr lang="da-DK" dirty="0"/>
              <a:t>fremskudte dige kan laves så der ikke </a:t>
            </a:r>
            <a:r>
              <a:rPr lang="da-DK" dirty="0" smtClean="0"/>
              <a:t>er mulighed for badning </a:t>
            </a:r>
            <a:r>
              <a:rPr lang="da-DK" dirty="0"/>
              <a:t>på indersiden. </a:t>
            </a:r>
          </a:p>
          <a:p>
            <a:pPr>
              <a:lnSpc>
                <a:spcPct val="101000"/>
              </a:lnSpc>
            </a:pPr>
            <a:endParaRPr lang="da-DK" dirty="0" smtClean="0"/>
          </a:p>
          <a:p>
            <a:pPr>
              <a:lnSpc>
                <a:spcPct val="101000"/>
              </a:lnSpc>
            </a:pPr>
            <a:r>
              <a:rPr lang="da-DK" dirty="0" smtClean="0"/>
              <a:t>Diget </a:t>
            </a:r>
            <a:r>
              <a:rPr lang="da-DK" dirty="0"/>
              <a:t>kan laves så der ikke er overgang fra Dragør Nord til ydersiden, men </a:t>
            </a:r>
            <a:r>
              <a:rPr lang="da-DK" dirty="0" smtClean="0"/>
              <a:t>gennem </a:t>
            </a:r>
            <a:r>
              <a:rPr lang="da-DK" dirty="0"/>
              <a:t>hver ende. </a:t>
            </a:r>
            <a:endParaRPr lang="da-DK" dirty="0" smtClean="0"/>
          </a:p>
          <a:p>
            <a:pPr>
              <a:lnSpc>
                <a:spcPct val="101000"/>
              </a:lnSpc>
            </a:pPr>
            <a:endParaRPr lang="da-DK" dirty="0" smtClean="0"/>
          </a:p>
          <a:p>
            <a:pPr>
              <a:lnSpc>
                <a:spcPct val="101000"/>
              </a:lnSpc>
            </a:pPr>
            <a:r>
              <a:rPr lang="da-DK" dirty="0" smtClean="0"/>
              <a:t>Lagunen </a:t>
            </a:r>
            <a:r>
              <a:rPr lang="da-DK" dirty="0"/>
              <a:t>kan udgraves i dybden, og </a:t>
            </a:r>
            <a:r>
              <a:rPr lang="da-DK" dirty="0" smtClean="0"/>
              <a:t>det </a:t>
            </a:r>
            <a:r>
              <a:rPr lang="da-DK" dirty="0"/>
              <a:t>opgravede kan genbruges ved etableringen. </a:t>
            </a:r>
            <a:endParaRPr lang="da-DK" dirty="0" smtClean="0"/>
          </a:p>
          <a:p>
            <a:pPr>
              <a:lnSpc>
                <a:spcPct val="101000"/>
              </a:lnSpc>
            </a:pPr>
            <a:endParaRPr lang="da-DK" dirty="0"/>
          </a:p>
          <a:p>
            <a:pPr>
              <a:lnSpc>
                <a:spcPct val="101000"/>
              </a:lnSpc>
            </a:pPr>
            <a:r>
              <a:rPr lang="da-DK" dirty="0"/>
              <a:t>Sund </a:t>
            </a:r>
            <a:r>
              <a:rPr lang="da-DK" dirty="0" smtClean="0"/>
              <a:t>&amp; </a:t>
            </a:r>
            <a:r>
              <a:rPr lang="da-DK" dirty="0"/>
              <a:t>Bælt er indstillet på finansiere de omkostninger som vi ville have i et selvstændigt projekt. </a:t>
            </a:r>
            <a:endParaRPr lang="da-DK" dirty="0" smtClean="0"/>
          </a:p>
          <a:p>
            <a:pPr>
              <a:lnSpc>
                <a:spcPct val="101000"/>
              </a:lnSpc>
            </a:pPr>
            <a:endParaRPr lang="da-DK" dirty="0" smtClean="0"/>
          </a:p>
          <a:p>
            <a:pPr>
              <a:lnSpc>
                <a:spcPct val="101000"/>
              </a:lnSpc>
            </a:pPr>
            <a:r>
              <a:rPr lang="da-DK" dirty="0" smtClean="0"/>
              <a:t>Sund &amp; </a:t>
            </a:r>
            <a:r>
              <a:rPr lang="da-DK" dirty="0"/>
              <a:t>Bælt kan være </a:t>
            </a:r>
            <a:r>
              <a:rPr lang="da-DK" dirty="0" smtClean="0"/>
              <a:t>sparringspartner </a:t>
            </a:r>
            <a:r>
              <a:rPr lang="da-DK" dirty="0"/>
              <a:t>til Dragør </a:t>
            </a:r>
            <a:r>
              <a:rPr lang="da-DK" dirty="0" smtClean="0"/>
              <a:t>Kommune vedr. </a:t>
            </a:r>
            <a:r>
              <a:rPr lang="da-DK" dirty="0"/>
              <a:t>den øvrige del af </a:t>
            </a:r>
            <a:r>
              <a:rPr lang="da-DK" dirty="0" smtClean="0"/>
              <a:t>kystsikringen</a:t>
            </a:r>
            <a:r>
              <a:rPr lang="da-DK" dirty="0"/>
              <a:t>. </a:t>
            </a:r>
            <a:endParaRPr lang="da-DK" dirty="0" smtClean="0"/>
          </a:p>
          <a:p>
            <a:pPr>
              <a:lnSpc>
                <a:spcPct val="101000"/>
              </a:lnSpc>
            </a:pPr>
            <a:endParaRPr lang="da-DK" dirty="0"/>
          </a:p>
          <a:p>
            <a:pPr>
              <a:lnSpc>
                <a:spcPct val="101000"/>
              </a:lnSpc>
            </a:pPr>
            <a:r>
              <a:rPr lang="da-DK" dirty="0"/>
              <a:t>Sund &amp; Bælt koordinerer tæt med CPH.</a:t>
            </a:r>
          </a:p>
          <a:p>
            <a:pPr>
              <a:lnSpc>
                <a:spcPct val="101000"/>
              </a:lnSpc>
            </a:pPr>
            <a:endParaRPr lang="da-DK" dirty="0" smtClean="0"/>
          </a:p>
          <a:p>
            <a:pPr>
              <a:lnSpc>
                <a:spcPct val="101000"/>
              </a:lnSpc>
            </a:pPr>
            <a:endParaRPr lang="da-DK" dirty="0"/>
          </a:p>
          <a:p>
            <a:pPr>
              <a:lnSpc>
                <a:spcPct val="101000"/>
              </a:lnSpc>
            </a:pPr>
            <a:endParaRPr lang="da-DK" sz="1800" dirty="0" smtClean="0"/>
          </a:p>
          <a:p>
            <a:pPr>
              <a:lnSpc>
                <a:spcPct val="101000"/>
              </a:lnSpc>
            </a:pPr>
            <a:endParaRPr lang="da-DK" dirty="0"/>
          </a:p>
          <a:p>
            <a:pPr>
              <a:lnSpc>
                <a:spcPct val="101000"/>
              </a:lnSpc>
            </a:pPr>
            <a:r>
              <a:rPr lang="da-DK" sz="1800" dirty="0" smtClean="0"/>
              <a:t> </a:t>
            </a:r>
            <a:endParaRPr lang="da-DK" sz="1800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1732" y="1098803"/>
            <a:ext cx="6663506" cy="4724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42311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orland –  </a:t>
            </a:r>
            <a:r>
              <a:rPr lang="da-DK" dirty="0" err="1" smtClean="0"/>
              <a:t>dragør</a:t>
            </a:r>
            <a:r>
              <a:rPr lang="da-DK" dirty="0" smtClean="0"/>
              <a:t> kommune 100 år median 2050</a:t>
            </a:r>
            <a:endParaRPr lang="da-DK" dirty="0"/>
          </a:p>
        </p:txBody>
      </p:sp>
      <p:pic>
        <p:nvPicPr>
          <p:cNvPr id="4" name="Billed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8104" y="1098820"/>
            <a:ext cx="6733474" cy="4824709"/>
          </a:xfrm>
          <a:prstGeom prst="rect">
            <a:avLst/>
          </a:prstGeom>
        </p:spPr>
      </p:pic>
      <p:pic>
        <p:nvPicPr>
          <p:cNvPr id="5" name="Billed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0000" y="1114423"/>
            <a:ext cx="6752177" cy="4809105"/>
          </a:xfrm>
          <a:prstGeom prst="rect">
            <a:avLst/>
          </a:prstGeom>
        </p:spPr>
      </p:pic>
      <p:sp>
        <p:nvSpPr>
          <p:cNvPr id="3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20001" y="1114425"/>
            <a:ext cx="9878726" cy="4795924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8-03-2018</a:t>
            </a:r>
            <a:endParaRPr lang="da-DK" dirty="0"/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slide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6" name="Tekstfelt 5"/>
          <p:cNvSpPr txBox="1"/>
          <p:nvPr/>
        </p:nvSpPr>
        <p:spPr>
          <a:xfrm>
            <a:off x="7619840" y="1243173"/>
            <a:ext cx="3168025" cy="111902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1000"/>
              </a:lnSpc>
            </a:pPr>
            <a:r>
              <a:rPr lang="da-DK" dirty="0"/>
              <a:t>Skitse af forslag fra Dragør Kommunes projekt konkurrence.</a:t>
            </a:r>
          </a:p>
          <a:p>
            <a:pPr>
              <a:lnSpc>
                <a:spcPct val="101000"/>
              </a:lnSpc>
            </a:pPr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33576924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nit</a:t>
            </a:r>
            <a:endParaRPr lang="da-DK" dirty="0"/>
          </a:p>
        </p:txBody>
      </p:sp>
      <p:pic>
        <p:nvPicPr>
          <p:cNvPr id="4" name="Billed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8104" y="955964"/>
            <a:ext cx="10168515" cy="5353396"/>
          </a:xfrm>
          <a:prstGeom prst="rect">
            <a:avLst/>
          </a:prstGeom>
        </p:spPr>
      </p:pic>
      <p:sp>
        <p:nvSpPr>
          <p:cNvPr id="3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20001" y="1114424"/>
            <a:ext cx="10770903" cy="5363333"/>
          </a:xfrm>
        </p:spPr>
        <p:txBody>
          <a:bodyPr/>
          <a:lstStyle/>
          <a:p>
            <a:pPr marL="0" indent="0">
              <a:buNone/>
            </a:pPr>
            <a:endParaRPr lang="da-DK" dirty="0"/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8-03-2018</a:t>
            </a:r>
            <a:endParaRPr lang="da-DK" dirty="0"/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slide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425593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Amager strandpark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8-03-2018</a:t>
            </a:r>
            <a:endParaRPr lang="da-DK" dirty="0"/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slide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6</a:t>
            </a:fld>
            <a:endParaRPr lang="da-DK" dirty="0"/>
          </a:p>
        </p:txBody>
      </p:sp>
      <p:pic>
        <p:nvPicPr>
          <p:cNvPr id="10" name="Content Placeholder 6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94005" y="3040636"/>
            <a:ext cx="8346143" cy="5562737"/>
          </a:xfrm>
        </p:spPr>
      </p:pic>
      <p:pic>
        <p:nvPicPr>
          <p:cNvPr id="11" name="Content Placeholder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104" y="1098821"/>
            <a:ext cx="8346143" cy="55627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877155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Dialog omkring projektet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20000" y="1114424"/>
            <a:ext cx="10490305" cy="5060745"/>
          </a:xfrm>
        </p:spPr>
        <p:txBody>
          <a:bodyPr/>
          <a:lstStyle/>
          <a:p>
            <a:endParaRPr lang="da-DK" sz="2400" dirty="0" smtClean="0"/>
          </a:p>
          <a:p>
            <a:r>
              <a:rPr lang="da-DK" sz="2400" dirty="0" smtClean="0"/>
              <a:t>Sund &amp; Bælt er indstillet på at deltage i en løbende tæt dialog med borgere, brugere, interessenter, myndigheder etc. i hele projektets løbetid</a:t>
            </a:r>
          </a:p>
          <a:p>
            <a:r>
              <a:rPr lang="da-DK" sz="2400" dirty="0" smtClean="0"/>
              <a:t>Sund &amp; Bælt har gode erfaringer hermed fra bl.a. Storebæltsforbindelsen, Øresundsforbindelsen og Femern-tunnellen</a:t>
            </a:r>
          </a:p>
          <a:p>
            <a:r>
              <a:rPr lang="da-DK" sz="2400" dirty="0" smtClean="0"/>
              <a:t> Sund &amp; Bælt er vant til en tæt dialog og et tæt samarbejde med mange involverede med henblik på at frembringe det bedst mulige projekt</a:t>
            </a:r>
          </a:p>
          <a:p>
            <a:r>
              <a:rPr lang="da-DK" sz="2400" dirty="0" smtClean="0"/>
              <a:t>På grundlag af dialogen vil det udarbejdede blive rettet </a:t>
            </a:r>
            <a:r>
              <a:rPr lang="da-DK" sz="2400" smtClean="0"/>
              <a:t>til gennem i </a:t>
            </a:r>
            <a:r>
              <a:rPr lang="da-DK" sz="2400" dirty="0" smtClean="0"/>
              <a:t>processen </a:t>
            </a:r>
          </a:p>
          <a:p>
            <a:endParaRPr lang="da-DK" sz="2400" dirty="0"/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8-03-2018</a:t>
            </a:r>
            <a:endParaRPr lang="da-DK" dirty="0"/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slide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020106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3434236932430"/>
</p:tagLst>
</file>

<file path=ppt/theme/theme1.xml><?xml version="1.0" encoding="utf-8"?>
<a:theme xmlns:a="http://schemas.openxmlformats.org/drawingml/2006/main" name="Blank">
  <a:themeElements>
    <a:clrScheme name="Sund &amp; Bælt">
      <a:dk1>
        <a:srgbClr val="3C3C3B"/>
      </a:dk1>
      <a:lt1>
        <a:srgbClr val="FFFFFF"/>
      </a:lt1>
      <a:dk2>
        <a:srgbClr val="052440"/>
      </a:dk2>
      <a:lt2>
        <a:srgbClr val="E3E9E4"/>
      </a:lt2>
      <a:accent1>
        <a:srgbClr val="28587B"/>
      </a:accent1>
      <a:accent2>
        <a:srgbClr val="CAE8F3"/>
      </a:accent2>
      <a:accent3>
        <a:srgbClr val="EE7459"/>
      </a:accent3>
      <a:accent4>
        <a:srgbClr val="86817A"/>
      </a:accent4>
      <a:accent5>
        <a:srgbClr val="90A99C"/>
      </a:accent5>
      <a:accent6>
        <a:srgbClr val="E1D3B1"/>
      </a:accent6>
      <a:hlink>
        <a:srgbClr val="28587B"/>
      </a:hlink>
      <a:folHlink>
        <a:srgbClr val="052440"/>
      </a:folHlink>
    </a:clrScheme>
    <a:fontScheme name="Sund &amp; Bæl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101000"/>
          </a:lnSpc>
          <a:defRPr sz="1800" noProof="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1000"/>
          </a:lnSpc>
          <a:defRPr sz="1800" dirty="0"/>
        </a:defPPr>
      </a:lstStyle>
    </a:txDef>
  </a:objectDefaults>
  <a:extraClrSchemeLst/>
  <a:custClrLst>
    <a:custClr name="Logoblå 1">
      <a:srgbClr val="053E7C"/>
    </a:custClr>
    <a:custClr name="Lys blå">
      <a:srgbClr val="CAE8F3"/>
    </a:custClr>
    <a:custClr name="Lys grøn">
      <a:srgbClr val="C9D5CB"/>
    </a:custClr>
    <a:custClr name="Karrygul">
      <a:srgbClr val="DABD15"/>
    </a:custClr>
    <a:custClr name="Lys rød">
      <a:srgbClr val="EE7459"/>
    </a:custClr>
    <a:custClr name="Lys varm grå">
      <a:srgbClr val="C3BBB1"/>
    </a:custClr>
    <a:custClr name="Lys sand">
      <a:srgbClr val="FAF7E5"/>
    </a:custClr>
    <a:custClr name="Kold grå 1">
      <a:srgbClr val="D2D2D1"/>
    </a:custClr>
    <a:custClr name="Color has no name">
      <a:srgbClr val="FFFFFF"/>
    </a:custClr>
    <a:custClr name="Color has no name">
      <a:srgbClr val="FFFFFF"/>
    </a:custClr>
    <a:custClr name="Logoblå 2">
      <a:srgbClr val="82B3DB"/>
    </a:custClr>
    <a:custClr name="Blå">
      <a:srgbClr val="0076A3"/>
    </a:custClr>
    <a:custClr name="Grøn">
      <a:srgbClr val="90A99C"/>
    </a:custClr>
    <a:custClr name="Varm gul">
      <a:srgbClr val="FAB637"/>
    </a:custClr>
    <a:custClr name="Mørk rød">
      <a:srgbClr val="C83D17"/>
    </a:custClr>
    <a:custClr name="Varm grå">
      <a:srgbClr val="86817A"/>
    </a:custClr>
    <a:custClr name="Sand">
      <a:srgbClr val="E1D3B1"/>
    </a:custClr>
    <a:custClr name="Kold grå 2">
      <a:srgbClr val="A5A4A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1">
      <a:srgbClr val="28587B"/>
    </a:custClr>
    <a:custClr name="Mørk grøn">
      <a:srgbClr val="1C7276"/>
    </a:custClr>
    <a:custClr name="Color has no name">
      <a:srgbClr val="FFFFFF"/>
    </a:custClr>
    <a:custClr name="Color has no name">
      <a:srgbClr val="FFFFFF"/>
    </a:custClr>
    <a:custClr name="Mørk varm grå">
      <a:srgbClr val="382616"/>
    </a:custClr>
    <a:custClr name="Mørk sand">
      <a:srgbClr val="CDAE66"/>
    </a:custClr>
    <a:custClr name="Kold grå 3">
      <a:srgbClr val="77777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2">
      <a:srgbClr val="3F606E"/>
    </a:custClr>
    <a:custClr name="Olivengrøn">
      <a:srgbClr val="99A35A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Kold grå 4">
      <a:srgbClr val="4A4A4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3 / mørk baggrund">
      <a:srgbClr val="05244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Kold grå 5">
      <a:srgbClr val="1D1D1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Turkis">
      <a:srgbClr val="13B1C5"/>
    </a:custClr>
  </a:custClrLst>
  <a:extLst>
    <a:ext uri="{05A4C25C-085E-4340-85A3-A5531E510DB2}">
      <thm15:themeFamily xmlns:thm15="http://schemas.microsoft.com/office/thememl/2012/main" name="Sund &amp; Bælt.potx" id="{9572FAF9-38AB-4EA0-8EEC-A32413930580}" vid="{1A505155-9023-430A-B888-C6064FE90CE9}"/>
    </a:ext>
  </a:extLst>
</a:theme>
</file>

<file path=ppt/theme/theme2.xml><?xml version="1.0" encoding="utf-8"?>
<a:theme xmlns:a="http://schemas.openxmlformats.org/drawingml/2006/main" name="1_Blank">
  <a:themeElements>
    <a:clrScheme name="Sund &amp; Bælt">
      <a:dk1>
        <a:srgbClr val="3C3C3B"/>
      </a:dk1>
      <a:lt1>
        <a:srgbClr val="FFFFFF"/>
      </a:lt1>
      <a:dk2>
        <a:srgbClr val="052440"/>
      </a:dk2>
      <a:lt2>
        <a:srgbClr val="E3E9E4"/>
      </a:lt2>
      <a:accent1>
        <a:srgbClr val="28587B"/>
      </a:accent1>
      <a:accent2>
        <a:srgbClr val="CAE8F3"/>
      </a:accent2>
      <a:accent3>
        <a:srgbClr val="EE7459"/>
      </a:accent3>
      <a:accent4>
        <a:srgbClr val="86817A"/>
      </a:accent4>
      <a:accent5>
        <a:srgbClr val="90A99C"/>
      </a:accent5>
      <a:accent6>
        <a:srgbClr val="E1D3B1"/>
      </a:accent6>
      <a:hlink>
        <a:srgbClr val="28587B"/>
      </a:hlink>
      <a:folHlink>
        <a:srgbClr val="052440"/>
      </a:folHlink>
    </a:clrScheme>
    <a:fontScheme name="Sund &amp; Bæl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101000"/>
          </a:lnSpc>
          <a:defRPr sz="1800" noProof="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1000"/>
          </a:lnSpc>
          <a:defRPr sz="1800" dirty="0"/>
        </a:defPPr>
      </a:lstStyle>
    </a:txDef>
  </a:objectDefaults>
  <a:extraClrSchemeLst/>
  <a:custClrLst>
    <a:custClr name="Logoblå 1">
      <a:srgbClr val="053E7C"/>
    </a:custClr>
    <a:custClr name="Lys blå">
      <a:srgbClr val="CAE8F3"/>
    </a:custClr>
    <a:custClr name="Lys grøn">
      <a:srgbClr val="C9D5CB"/>
    </a:custClr>
    <a:custClr name="Karrygul">
      <a:srgbClr val="DABD15"/>
    </a:custClr>
    <a:custClr name="Lys rød">
      <a:srgbClr val="EE7459"/>
    </a:custClr>
    <a:custClr name="Lys varm grå">
      <a:srgbClr val="C3BBB1"/>
    </a:custClr>
    <a:custClr name="Lys sand">
      <a:srgbClr val="FAF7E5"/>
    </a:custClr>
    <a:custClr name="Kold grå 1">
      <a:srgbClr val="D2D2D1"/>
    </a:custClr>
    <a:custClr name="Color has no name">
      <a:srgbClr val="FFFFFF"/>
    </a:custClr>
    <a:custClr name="Color has no name">
      <a:srgbClr val="FFFFFF"/>
    </a:custClr>
    <a:custClr name="Logoblå 2">
      <a:srgbClr val="82B3DB"/>
    </a:custClr>
    <a:custClr name="Blå">
      <a:srgbClr val="0076A3"/>
    </a:custClr>
    <a:custClr name="Grøn">
      <a:srgbClr val="90A99C"/>
    </a:custClr>
    <a:custClr name="Varm gul">
      <a:srgbClr val="FAB637"/>
    </a:custClr>
    <a:custClr name="Mørk rød">
      <a:srgbClr val="C83D17"/>
    </a:custClr>
    <a:custClr name="Varm grå">
      <a:srgbClr val="86817A"/>
    </a:custClr>
    <a:custClr name="Sand">
      <a:srgbClr val="E1D3B1"/>
    </a:custClr>
    <a:custClr name="Kold grå 2">
      <a:srgbClr val="A5A4A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1">
      <a:srgbClr val="28587B"/>
    </a:custClr>
    <a:custClr name="Mørk grøn">
      <a:srgbClr val="1C7276"/>
    </a:custClr>
    <a:custClr name="Color has no name">
      <a:srgbClr val="FFFFFF"/>
    </a:custClr>
    <a:custClr name="Color has no name">
      <a:srgbClr val="FFFFFF"/>
    </a:custClr>
    <a:custClr name="Mørk varm grå">
      <a:srgbClr val="382616"/>
    </a:custClr>
    <a:custClr name="Mørk sand">
      <a:srgbClr val="CDAE66"/>
    </a:custClr>
    <a:custClr name="Kold grå 3">
      <a:srgbClr val="77777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2">
      <a:srgbClr val="3F606E"/>
    </a:custClr>
    <a:custClr name="Olivengrøn">
      <a:srgbClr val="99A35A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Kold grå 4">
      <a:srgbClr val="4A4A4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3 / mørk baggrund">
      <a:srgbClr val="05244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Kold grå 5">
      <a:srgbClr val="1D1D1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Turkis">
      <a:srgbClr val="13B1C5"/>
    </a:custClr>
  </a:custClrLst>
  <a:extLst>
    <a:ext uri="{05A4C25C-085E-4340-85A3-A5531E510DB2}">
      <thm15:themeFamily xmlns:thm15="http://schemas.microsoft.com/office/thememl/2012/main" name="Sund &amp; Bælt.potx" id="{9572FAF9-38AB-4EA0-8EEC-A32413930580}" vid="{1A505155-9023-430A-B888-C6064FE90CE9}"/>
    </a:ext>
  </a:extLst>
</a:theme>
</file>

<file path=ppt/theme/theme3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Logoblå 1">
      <a:srgbClr val="053E7C"/>
    </a:custClr>
    <a:custClr name="Lys blå">
      <a:srgbClr val="CAE8F3"/>
    </a:custClr>
    <a:custClr name="Lys grøn">
      <a:srgbClr val="C9D5CB"/>
    </a:custClr>
    <a:custClr name="Karrygul">
      <a:srgbClr val="DABD15"/>
    </a:custClr>
    <a:custClr name="Lys rød">
      <a:srgbClr val="EE7459"/>
    </a:custClr>
    <a:custClr name="Lys varm grå">
      <a:srgbClr val="C3BBB1"/>
    </a:custClr>
    <a:custClr name="Lys sand">
      <a:srgbClr val="FAF7E5"/>
    </a:custClr>
    <a:custClr name="Kold grå 1">
      <a:srgbClr val="D2D2D1"/>
    </a:custClr>
    <a:custClr name="Color has no name">
      <a:srgbClr val="FFFFFF"/>
    </a:custClr>
    <a:custClr name="Color has no name">
      <a:srgbClr val="FFFFFF"/>
    </a:custClr>
    <a:custClr name="Logoblå 2">
      <a:srgbClr val="82B3DB"/>
    </a:custClr>
    <a:custClr name="Blå">
      <a:srgbClr val="0076A3"/>
    </a:custClr>
    <a:custClr name="Grøn">
      <a:srgbClr val="90A99C"/>
    </a:custClr>
    <a:custClr name="Varm gul">
      <a:srgbClr val="FAB637"/>
    </a:custClr>
    <a:custClr name="Mørk rød">
      <a:srgbClr val="C83D17"/>
    </a:custClr>
    <a:custClr name="Varm grå">
      <a:srgbClr val="86817A"/>
    </a:custClr>
    <a:custClr name="Sand">
      <a:srgbClr val="E1D3B1"/>
    </a:custClr>
    <a:custClr name="Kold grå 2">
      <a:srgbClr val="A5A4A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1">
      <a:srgbClr val="28587B"/>
    </a:custClr>
    <a:custClr name="Mørk grøn">
      <a:srgbClr val="1C7276"/>
    </a:custClr>
    <a:custClr name="Color has no name">
      <a:srgbClr val="FFFFFF"/>
    </a:custClr>
    <a:custClr name="Color has no name">
      <a:srgbClr val="FFFFFF"/>
    </a:custClr>
    <a:custClr name="Mørk varm grå">
      <a:srgbClr val="382616"/>
    </a:custClr>
    <a:custClr name="Mørk sand">
      <a:srgbClr val="CDAE66"/>
    </a:custClr>
    <a:custClr name="Kold grå 3">
      <a:srgbClr val="77777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2">
      <a:srgbClr val="3F606E"/>
    </a:custClr>
    <a:custClr name="Olivengrøn">
      <a:srgbClr val="99A35A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Kold grå 4">
      <a:srgbClr val="4A4A4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3 / mørk baggrund">
      <a:srgbClr val="05244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Kold grå 5">
      <a:srgbClr val="1D1D1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Turkis">
      <a:srgbClr val="13B1C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Logoblå 1">
      <a:srgbClr val="053E7C"/>
    </a:custClr>
    <a:custClr name="Lys blå">
      <a:srgbClr val="CAE8F3"/>
    </a:custClr>
    <a:custClr name="Lys grøn">
      <a:srgbClr val="C9D5CB"/>
    </a:custClr>
    <a:custClr name="Karrygul">
      <a:srgbClr val="DABD15"/>
    </a:custClr>
    <a:custClr name="Lys rød">
      <a:srgbClr val="EE7459"/>
    </a:custClr>
    <a:custClr name="Lys varm grå">
      <a:srgbClr val="C3BBB1"/>
    </a:custClr>
    <a:custClr name="Lys sand">
      <a:srgbClr val="FAF7E5"/>
    </a:custClr>
    <a:custClr name="Kold grå 1">
      <a:srgbClr val="D2D2D1"/>
    </a:custClr>
    <a:custClr name="Color has no name">
      <a:srgbClr val="FFFFFF"/>
    </a:custClr>
    <a:custClr name="Color has no name">
      <a:srgbClr val="FFFFFF"/>
    </a:custClr>
    <a:custClr name="Logoblå 2">
      <a:srgbClr val="82B3DB"/>
    </a:custClr>
    <a:custClr name="Blå">
      <a:srgbClr val="0076A3"/>
    </a:custClr>
    <a:custClr name="Grøn">
      <a:srgbClr val="90A99C"/>
    </a:custClr>
    <a:custClr name="Varm gul">
      <a:srgbClr val="FAB637"/>
    </a:custClr>
    <a:custClr name="Mørk rød">
      <a:srgbClr val="C83D17"/>
    </a:custClr>
    <a:custClr name="Varm grå">
      <a:srgbClr val="86817A"/>
    </a:custClr>
    <a:custClr name="Sand">
      <a:srgbClr val="E1D3B1"/>
    </a:custClr>
    <a:custClr name="Kold grå 2">
      <a:srgbClr val="A5A4A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1">
      <a:srgbClr val="28587B"/>
    </a:custClr>
    <a:custClr name="Mørk grøn">
      <a:srgbClr val="1C7276"/>
    </a:custClr>
    <a:custClr name="Color has no name">
      <a:srgbClr val="FFFFFF"/>
    </a:custClr>
    <a:custClr name="Color has no name">
      <a:srgbClr val="FFFFFF"/>
    </a:custClr>
    <a:custClr name="Mørk varm grå">
      <a:srgbClr val="382616"/>
    </a:custClr>
    <a:custClr name="Mørk sand">
      <a:srgbClr val="CDAE66"/>
    </a:custClr>
    <a:custClr name="Kold grå 3">
      <a:srgbClr val="77777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2">
      <a:srgbClr val="3F606E"/>
    </a:custClr>
    <a:custClr name="Olivengrøn">
      <a:srgbClr val="99A35A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Kold grå 4">
      <a:srgbClr val="4A4A4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ørk blå 3 / mørk baggrund">
      <a:srgbClr val="05244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Kold grå 5">
      <a:srgbClr val="1D1D1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Turkis">
      <a:srgbClr val="13B1C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04CA495470C4446B109C026787B4A6E" ma:contentTypeVersion="14" ma:contentTypeDescription="Opret et nyt dokument." ma:contentTypeScope="" ma:versionID="c77afa9139d479efa38a6bc8f9d23345">
  <xsd:schema xmlns:xsd="http://www.w3.org/2001/XMLSchema" xmlns:xs="http://www.w3.org/2001/XMLSchema" xmlns:p="http://schemas.microsoft.com/office/2006/metadata/properties" xmlns:ns3="6274e028-04f8-423c-a573-21a9ed3d8caf" xmlns:ns4="8470e3ae-8ee2-4c05-8a14-86fdef396c0d" targetNamespace="http://schemas.microsoft.com/office/2006/metadata/properties" ma:root="true" ma:fieldsID="59bf3dc4ce587f7ab5bf87c8606379d8" ns3:_="" ns4:_="">
    <xsd:import namespace="6274e028-04f8-423c-a573-21a9ed3d8caf"/>
    <xsd:import namespace="8470e3ae-8ee2-4c05-8a14-86fdef396c0d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LengthInSeconds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OCR" minOccurs="0"/>
                <xsd:element ref="ns3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274e028-04f8-423c-a573-21a9ed3d8ca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3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4" nillable="true" ma:displayName="MediaLengthInSeconds" ma:hidden="true" ma:internalName="MediaLengthInSeconds" ma:readOnly="true">
      <xsd:simpleType>
        <xsd:restriction base="dms:Unknown"/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7" nillable="true" ma:displayName="Tags" ma:internalName="MediaServiceAutoTags" ma:readOnly="true">
      <xsd:simpleType>
        <xsd:restriction base="dms:Text"/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9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20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21" nillable="true" ma:displayName="Location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470e3ae-8ee2-4c05-8a14-86fdef396c0d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2" nillable="true" ma:displayName="Hashværdi for deling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22500342-60DD-4F8D-BF10-89282FB9CFB4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7E8DC97-DE56-499B-8F9E-5AE5363DA316}">
  <ds:schemaRefs>
    <ds:schemaRef ds:uri="http://purl.org/dc/terms/"/>
    <ds:schemaRef ds:uri="http://schemas.microsoft.com/office/2006/documentManagement/types"/>
    <ds:schemaRef ds:uri="6274e028-04f8-423c-a573-21a9ed3d8caf"/>
    <ds:schemaRef ds:uri="http://purl.org/dc/elements/1.1/"/>
    <ds:schemaRef ds:uri="http://schemas.microsoft.com/office/2006/metadata/properties"/>
    <ds:schemaRef ds:uri="8470e3ae-8ee2-4c05-8a14-86fdef396c0d"/>
    <ds:schemaRef ds:uri="http://schemas.microsoft.com/office/infopath/2007/PartnerControls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85136768-5DB5-4631-9E5E-8D286177954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6274e028-04f8-423c-a573-21a9ed3d8caf"/>
    <ds:schemaRef ds:uri="8470e3ae-8ee2-4c05-8a14-86fdef396c0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61</Words>
  <Application>Microsoft Office PowerPoint</Application>
  <PresentationFormat>Widescreen</PresentationFormat>
  <Paragraphs>58</Paragraphs>
  <Slides>7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2</vt:i4>
      </vt:variant>
      <vt:variant>
        <vt:lpstr>Slidetitler</vt:lpstr>
      </vt:variant>
      <vt:variant>
        <vt:i4>7</vt:i4>
      </vt:variant>
    </vt:vector>
  </HeadingPairs>
  <TitlesOfParts>
    <vt:vector size="12" baseType="lpstr">
      <vt:lpstr>Arial</vt:lpstr>
      <vt:lpstr>Arial Rounded MT Bold</vt:lpstr>
      <vt:lpstr>Times New Roman</vt:lpstr>
      <vt:lpstr>Blank</vt:lpstr>
      <vt:lpstr>1_Blank</vt:lpstr>
      <vt:lpstr>Stormflodssikring ASØ/dragør</vt:lpstr>
      <vt:lpstr>Forland – 10.000 år median 2050 1/2</vt:lpstr>
      <vt:lpstr>Forland – 10.000 år median 2050 2/2</vt:lpstr>
      <vt:lpstr>Forland –  dragør kommune 100 år median 2050</vt:lpstr>
      <vt:lpstr>snit</vt:lpstr>
      <vt:lpstr>Amager strandpark</vt:lpstr>
      <vt:lpstr>Dialog omkring projekte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6-09-13T07:12:10Z</dcterms:created>
  <dcterms:modified xsi:type="dcterms:W3CDTF">2022-08-24T13:07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CustomerId">
    <vt:lpwstr>sundogbaelt</vt:lpwstr>
  </property>
  <property fmtid="{D5CDD505-2E9C-101B-9397-08002B2CF9AE}" pid="4" name="TemplateId">
    <vt:lpwstr>636569720718192723</vt:lpwstr>
  </property>
  <property fmtid="{D5CDD505-2E9C-101B-9397-08002B2CF9AE}" pid="5" name="UserProfileId">
    <vt:lpwstr>637003295528282576</vt:lpwstr>
  </property>
  <property fmtid="{D5CDD505-2E9C-101B-9397-08002B2CF9AE}" pid="6" name="ContentTypeId">
    <vt:lpwstr>0x010100704CA495470C4446B109C026787B4A6E</vt:lpwstr>
  </property>
</Properties>
</file>